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15. Gazový set\PTK\"/>
    </mc:Choice>
  </mc:AlternateContent>
  <bookViews>
    <workbookView xWindow="0" yWindow="0" windowWidth="23040" windowHeight="9195"/>
  </bookViews>
  <sheets>
    <sheet name="PTK - ponuka" sheetId="8" r:id="rId1"/>
  </sheets>
  <definedNames>
    <definedName name="_xlnm.Print_Area" localSheetId="0">'PTK - ponuka'!$B$1:$F$38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97" uniqueCount="502">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Položka č. 2</t>
  </si>
  <si>
    <t>60000000-8 Dopravné služby (bez prepravy odpadu)</t>
  </si>
  <si>
    <t>Položka č. 3</t>
  </si>
  <si>
    <t>Položka č. 4</t>
  </si>
  <si>
    <t>Položka č. 5</t>
  </si>
  <si>
    <t>Požadovaný počet MJ za zmluvné obdobie 24 mesiacov</t>
  </si>
  <si>
    <t>1.1.1</t>
  </si>
  <si>
    <t>1.1.2</t>
  </si>
  <si>
    <t>1.1.3</t>
  </si>
  <si>
    <t>1.1.4</t>
  </si>
  <si>
    <t>1.2</t>
  </si>
  <si>
    <t>1.2.1</t>
  </si>
  <si>
    <t>1.2.2</t>
  </si>
  <si>
    <t>1.3</t>
  </si>
  <si>
    <t>1.3.1</t>
  </si>
  <si>
    <t>1.3.2</t>
  </si>
  <si>
    <t>1.3.3</t>
  </si>
  <si>
    <t>1.3.4</t>
  </si>
  <si>
    <t>2.1</t>
  </si>
  <si>
    <t>2.1.1</t>
  </si>
  <si>
    <t>2.1.2</t>
  </si>
  <si>
    <t>2.1.3</t>
  </si>
  <si>
    <t>2.1.4</t>
  </si>
  <si>
    <t>2.2</t>
  </si>
  <si>
    <t>2.2.1</t>
  </si>
  <si>
    <t>2.2.2</t>
  </si>
  <si>
    <t>2.3</t>
  </si>
  <si>
    <t>2.3.1</t>
  </si>
  <si>
    <t>2.3.2</t>
  </si>
  <si>
    <t>2.3.3</t>
  </si>
  <si>
    <t>2.3.4</t>
  </si>
  <si>
    <t>3.1</t>
  </si>
  <si>
    <t>3.2</t>
  </si>
  <si>
    <t>3.1.1</t>
  </si>
  <si>
    <t>3.3</t>
  </si>
  <si>
    <t>3.1.2</t>
  </si>
  <si>
    <t>3.1.3</t>
  </si>
  <si>
    <t>3.1.4</t>
  </si>
  <si>
    <t>3.2.1</t>
  </si>
  <si>
    <t>3.2.2</t>
  </si>
  <si>
    <t>3.3.1</t>
  </si>
  <si>
    <t>3.3.2</t>
  </si>
  <si>
    <t>3.3.3</t>
  </si>
  <si>
    <t>3.3.4</t>
  </si>
  <si>
    <t>4.1</t>
  </si>
  <si>
    <t>5.</t>
  </si>
  <si>
    <t>4.2</t>
  </si>
  <si>
    <t>4.3</t>
  </si>
  <si>
    <t>4.4</t>
  </si>
  <si>
    <t>4.5</t>
  </si>
  <si>
    <t>4.6</t>
  </si>
  <si>
    <t>5.1</t>
  </si>
  <si>
    <t>5.1.1</t>
  </si>
  <si>
    <t>5.1.2</t>
  </si>
  <si>
    <t>5.1.3</t>
  </si>
  <si>
    <t>5.1.4</t>
  </si>
  <si>
    <t>Účel prípravnej trhovej konzultácie</t>
  </si>
  <si>
    <t>Gázový set - Sušenie č. 1</t>
  </si>
  <si>
    <t>Gázový set - Sušenie č. 2</t>
  </si>
  <si>
    <t>Gázový set - Sušenie č. 3</t>
  </si>
  <si>
    <t>Gázový set - Sušenie č. 4</t>
  </si>
  <si>
    <t>Gázový set - Sušenie č. 5</t>
  </si>
  <si>
    <t>Položka č. 1 - Gázový set - Sušenie č. 1:</t>
  </si>
  <si>
    <t>1.1</t>
  </si>
  <si>
    <t>Obalová rúška - 1 ks</t>
  </si>
  <si>
    <t>musí slúžiť ako vnútorný obal požadovaného dvojobalu, v ktorom musia byť zabalené položky č. 2 až č. 9,</t>
  </si>
  <si>
    <t>musí poskytovať ľahkú manipuláciu pri jej otváraní,</t>
  </si>
  <si>
    <t>fixácia obalu,</t>
  </si>
  <si>
    <t>požadovaný rozmer: 120 cm x 120 cm (tolerancia +-20 cm x + - 20 cm).</t>
  </si>
  <si>
    <t>Utierka - 2 ks</t>
  </si>
  <si>
    <t>vysoko savý papierový obrúsok z netkanej textílie, ktorý sa po namočení nerozpadáva,</t>
  </si>
  <si>
    <t>požadovaný rozmer: 32 cm x 32 cm (bez tolerancie).</t>
  </si>
  <si>
    <t>Longeta s RTG gáza skladaná vinutá - 10 ks</t>
  </si>
  <si>
    <t>požadovaný rozmer: šírka 8 cm x dĺžka 100 cm (tolerancia +-1 cm x +-10 cm),</t>
  </si>
  <si>
    <t>požadovaný materiál: 100% bavlna,</t>
  </si>
  <si>
    <t>vyrobená z vysoko bielenej hydrofilnej gázy 17 nití/cm2,</t>
  </si>
  <si>
    <t>pás gázy musí byť vinutý s RTG kontrastom (RTG všité po celej dĺžke gázy) a pás gázy musí byť zložený zo 4 vrstiev gázy.</t>
  </si>
  <si>
    <t>1.4</t>
  </si>
  <si>
    <t>Vatový vankúš - 6 ks</t>
  </si>
  <si>
    <t>1.4.1</t>
  </si>
  <si>
    <t>požadovaný rozmer: 11 cm x 16 cm (tolerancia +-1 cm x +-1 cm),</t>
  </si>
  <si>
    <t>1.4.2</t>
  </si>
  <si>
    <t xml:space="preserve">požadovaný materiál: 100% bavlna, </t>
  </si>
  <si>
    <t>1.4.3</t>
  </si>
  <si>
    <t>100% bavlnená obväzová vata obalená v gáze,</t>
  </si>
  <si>
    <t>1.4.4</t>
  </si>
  <si>
    <t>vyrobený z vysoko bielenej hydrofilnej gázy 17 nití/cm2.</t>
  </si>
  <si>
    <t>1.5</t>
  </si>
  <si>
    <t>Tampón stáčaný preparačný - 30 ks</t>
  </si>
  <si>
    <t>1.5.1</t>
  </si>
  <si>
    <t>požadovaný rozmer: 15 cm x 15 cm (bez tolerancie) v strede štvorca musí byť RTG všité vlákno,</t>
  </si>
  <si>
    <t>1.5.2</t>
  </si>
  <si>
    <t>1.5.3</t>
  </si>
  <si>
    <t>vyrobený z vysoko bielenej hydrofilnej gázy 17 nití/cm2,</t>
  </si>
  <si>
    <t>1.5.4</t>
  </si>
  <si>
    <t>tvrdý, určený na preparáciu tkanív.</t>
  </si>
  <si>
    <t>1.6</t>
  </si>
  <si>
    <t>Tampón stáčaný - 50 ks</t>
  </si>
  <si>
    <t>1.6.1</t>
  </si>
  <si>
    <t>požadovaný rozmer: 30 cm x 30 cm (bez tolerancie) v strede štvorca musí byť RTG všité vlákno,</t>
  </si>
  <si>
    <t>1.6.2</t>
  </si>
  <si>
    <t>požadovaný materiál: 100% bavlna</t>
  </si>
  <si>
    <t>1.6.3</t>
  </si>
  <si>
    <t>1.6.4</t>
  </si>
  <si>
    <t>oválny tvar.</t>
  </si>
  <si>
    <t>1.7</t>
  </si>
  <si>
    <t>Tampón prešívaný - 20 ks</t>
  </si>
  <si>
    <t>1.7.1</t>
  </si>
  <si>
    <t>požadovaný rozmer: 45 cm x 45 cm</t>
  </si>
  <si>
    <t>1.7.2</t>
  </si>
  <si>
    <t>1.7.3</t>
  </si>
  <si>
    <t>predpraný s tkanicou RTG v dĺžke 11 cm x šírke 2 cm (tolerancia +-0,5 cm x +-0,5 cm),</t>
  </si>
  <si>
    <t>1.7.4</t>
  </si>
  <si>
    <t>1.7.5</t>
  </si>
  <si>
    <t>4 vrstvový,</t>
  </si>
  <si>
    <t>1.7.6</t>
  </si>
  <si>
    <t>musí mať založené okraje dovnútra bez strapkania gázy, žmolkov, s RTG značením,</t>
  </si>
  <si>
    <t>1.7.7</t>
  </si>
  <si>
    <t>viazané po 5 ks (delené),</t>
  </si>
  <si>
    <t>1.8</t>
  </si>
  <si>
    <t>Kompres z gázy - 10 ks</t>
  </si>
  <si>
    <t>1.8.1</t>
  </si>
  <si>
    <t>požadovaný rozmer: 10 cm x 10 cm, bez tolerancie,</t>
  </si>
  <si>
    <t>1.8.2</t>
  </si>
  <si>
    <t>1.8.3</t>
  </si>
  <si>
    <t>1.8.4</t>
  </si>
  <si>
    <t>8 vrstiev gázy.</t>
  </si>
  <si>
    <t>1.9</t>
  </si>
  <si>
    <t>Miska plastová - 2 ks</t>
  </si>
  <si>
    <t>1.9.1</t>
  </si>
  <si>
    <t>požadovaný objem: 250 ml,</t>
  </si>
  <si>
    <t>1.9.2</t>
  </si>
  <si>
    <t>ciachovaná po 50 ml,</t>
  </si>
  <si>
    <t>1.9.3</t>
  </si>
  <si>
    <t>dolný priemer od 65 mm do 70 mm,</t>
  </si>
  <si>
    <t>1.9.4</t>
  </si>
  <si>
    <t>horný priemer od 88 mm do 93 mm,</t>
  </si>
  <si>
    <t>1.9.5</t>
  </si>
  <si>
    <t>priehľadná.</t>
  </si>
  <si>
    <t>1.10</t>
  </si>
  <si>
    <t>Longeta s RTG gáza skladaná vinutá - 5 ks</t>
  </si>
  <si>
    <t>pás gázy musí byť vinutý s RTG kontrastom (RTG všité po celej dĺžke gázy) a pás gázy musí byť zložený zo 4 vrstiev gázy, bez zanechavania žmolkov.</t>
  </si>
  <si>
    <t>2.4</t>
  </si>
  <si>
    <t>2.4.1</t>
  </si>
  <si>
    <t>2.4.2</t>
  </si>
  <si>
    <t>2.4.3</t>
  </si>
  <si>
    <t>2.4.4</t>
  </si>
  <si>
    <t>2.5</t>
  </si>
  <si>
    <t>2.5.1</t>
  </si>
  <si>
    <t>2.5.2</t>
  </si>
  <si>
    <t>2.5.3</t>
  </si>
  <si>
    <t>2.5.4</t>
  </si>
  <si>
    <t>2.6</t>
  </si>
  <si>
    <t>2.6.1</t>
  </si>
  <si>
    <t>2.6.2</t>
  </si>
  <si>
    <t>2.6.3</t>
  </si>
  <si>
    <t>2.6.4</t>
  </si>
  <si>
    <t>2.7</t>
  </si>
  <si>
    <t>2.7.1</t>
  </si>
  <si>
    <t>2.7.2</t>
  </si>
  <si>
    <t>2.7.3</t>
  </si>
  <si>
    <t>2.7.4</t>
  </si>
  <si>
    <t>2.7.5</t>
  </si>
  <si>
    <t>2.7.6</t>
  </si>
  <si>
    <t>2.7.7</t>
  </si>
  <si>
    <t>2.8</t>
  </si>
  <si>
    <t>Ovínadlo - 4 ks</t>
  </si>
  <si>
    <t>2.8.1</t>
  </si>
  <si>
    <t>požadovaný rozmer: šírka 12 cm x dĺžka 5 m (bez tolerancie),</t>
  </si>
  <si>
    <t>2.8.2</t>
  </si>
  <si>
    <t>požadovaný materiál: 55% bavlna, 43% polyamid, 2% elasten,</t>
  </si>
  <si>
    <t>2.8.3</t>
  </si>
  <si>
    <t>krátko ťažné.</t>
  </si>
  <si>
    <t>2.9</t>
  </si>
  <si>
    <t>2.9.1</t>
  </si>
  <si>
    <t>2.9.2</t>
  </si>
  <si>
    <t>2.9.3</t>
  </si>
  <si>
    <t>2.9.4</t>
  </si>
  <si>
    <t>2.9.5</t>
  </si>
  <si>
    <t>2.10</t>
  </si>
  <si>
    <t>Produkty č. 1 až č. 9 musia byť zabalené v sterilnom obale s peel efektom otvárania, ktorý musí obsahovať štítok s lepiacou etiketou na dokumentáciu, a tento musí obsahovať minimálne tieto údaje: názov setu, zloženie setu, exspiráciu setu a čiarový kód setu.</t>
  </si>
  <si>
    <t>Položka č. 2 - Gázový set - Sušenie č. 2:</t>
  </si>
  <si>
    <t>GÁZOVÝ SET - SUŠENIE č. 2 musí obsahovať:</t>
  </si>
  <si>
    <t>GÁZOVÝ SET - SUŠENIE č. 1 musí obsahovať:</t>
  </si>
  <si>
    <t>Položka č. 3 - Gázový set - Sušenie č. 3:</t>
  </si>
  <si>
    <t>Vatový vankúš - 3 ks</t>
  </si>
  <si>
    <t>3.4</t>
  </si>
  <si>
    <t>3.4.1</t>
  </si>
  <si>
    <t>3.4.2</t>
  </si>
  <si>
    <t>3.4.3</t>
  </si>
  <si>
    <t>vyrobený z vysoko bielenej hydrofilnej gázy 17nití/cm2,</t>
  </si>
  <si>
    <t>3.4.4</t>
  </si>
  <si>
    <t>3.5</t>
  </si>
  <si>
    <t>Tampón stáčaný - 30 ks</t>
  </si>
  <si>
    <t>3.5.1</t>
  </si>
  <si>
    <t>3.5.2</t>
  </si>
  <si>
    <t>3.5.3</t>
  </si>
  <si>
    <t>3.5.4</t>
  </si>
  <si>
    <t>3.6</t>
  </si>
  <si>
    <t>3.6.1</t>
  </si>
  <si>
    <t>3.6.2</t>
  </si>
  <si>
    <t>3.6.3</t>
  </si>
  <si>
    <t>3.6.4</t>
  </si>
  <si>
    <t>3.6.5</t>
  </si>
  <si>
    <t>3.6.6</t>
  </si>
  <si>
    <t>3.6.7</t>
  </si>
  <si>
    <t>3.7</t>
  </si>
  <si>
    <t>Kompres z gázy - 30 ks</t>
  </si>
  <si>
    <t>3.7.1</t>
  </si>
  <si>
    <t>3.7.2</t>
  </si>
  <si>
    <t>3.7.3</t>
  </si>
  <si>
    <t>3.7.4</t>
  </si>
  <si>
    <t>3.8</t>
  </si>
  <si>
    <t>Ovínadlo hydrofilné - 2 ks</t>
  </si>
  <si>
    <t>3.8.1</t>
  </si>
  <si>
    <t>3.8.2</t>
  </si>
  <si>
    <t>3.8.3</t>
  </si>
  <si>
    <t>vyrobený z vysoko bielej hydrofilnej gázy 17 nití/cm2.</t>
  </si>
  <si>
    <t>3.9</t>
  </si>
  <si>
    <t>Miska plastová - 3 ks</t>
  </si>
  <si>
    <t>3.9.1</t>
  </si>
  <si>
    <t>3.9.2</t>
  </si>
  <si>
    <t>3.9.3</t>
  </si>
  <si>
    <t>3.9.4</t>
  </si>
  <si>
    <t>3.10</t>
  </si>
  <si>
    <t>GÁZOVÝ SET - SUŠENIE č. 3 musí obsahovať:</t>
  </si>
  <si>
    <t>Položka č. 4 - Gázový set - Sušenie č. 4:</t>
  </si>
  <si>
    <t>GÁZOVÝ SET SUŠENIE č.4 musí obsahovať:</t>
  </si>
  <si>
    <t>4.1.1</t>
  </si>
  <si>
    <t>musí slúžiť ako vnútorný obal požadovaného dvojobalu, v ktorom musia byť zabalené položky č. 2 až č.11,</t>
  </si>
  <si>
    <t>4.1.2</t>
  </si>
  <si>
    <t>4.1.3</t>
  </si>
  <si>
    <t>požadovaný rozmer: 140 cm x 140 cm (tolerancia +-20 cm x + - 20 cm).</t>
  </si>
  <si>
    <t>4.2.1</t>
  </si>
  <si>
    <t>4.2.2</t>
  </si>
  <si>
    <t>4.3.1</t>
  </si>
  <si>
    <t>4.3.2</t>
  </si>
  <si>
    <t>požadovaný materiál: 98% bavlna, 2% prýžové vlákno,</t>
  </si>
  <si>
    <t>4.3.3</t>
  </si>
  <si>
    <t>stredne prietažné.</t>
  </si>
  <si>
    <t>4.4.1</t>
  </si>
  <si>
    <t>4.4.2</t>
  </si>
  <si>
    <t>4.4.3</t>
  </si>
  <si>
    <t>4.4.4</t>
  </si>
  <si>
    <t>Vatový vankúš - 2 ks</t>
  </si>
  <si>
    <t>4.5.1</t>
  </si>
  <si>
    <t>4.5.2</t>
  </si>
  <si>
    <t>4.5.3</t>
  </si>
  <si>
    <t>4.5.4</t>
  </si>
  <si>
    <t>Tampón stáčaný preparačný, TYP 1 - 20 ks</t>
  </si>
  <si>
    <t>požadovaný rozmer: 9cm x 9cm (bez tolerancie) v strede štvorca musí byť RTG všité vlákno,</t>
  </si>
  <si>
    <t>Tampón stáčaný preparačný, TYP 2 - 20 ks</t>
  </si>
  <si>
    <t>4.7.1</t>
  </si>
  <si>
    <t>4.7.2</t>
  </si>
  <si>
    <t>4.7.3</t>
  </si>
  <si>
    <t>4.7.4</t>
  </si>
  <si>
    <t>4.8</t>
  </si>
  <si>
    <t>4.8.1</t>
  </si>
  <si>
    <t>4.8.2</t>
  </si>
  <si>
    <t>4.8.3</t>
  </si>
  <si>
    <t>4.8.4</t>
  </si>
  <si>
    <t>4.9</t>
  </si>
  <si>
    <t>Tampón prešívaný, TYP 1 - 40 ks</t>
  </si>
  <si>
    <t>4.9.1</t>
  </si>
  <si>
    <t>požadovaný rozmer: 28 cm x 32 cm (tolerancia +- 1 cm x +- 1 cm),</t>
  </si>
  <si>
    <t>4.9.2</t>
  </si>
  <si>
    <t>4.9.3</t>
  </si>
  <si>
    <t>predpraný bez tkanice,</t>
  </si>
  <si>
    <t>4.9.4</t>
  </si>
  <si>
    <t>4.9.5</t>
  </si>
  <si>
    <t>4.9.6</t>
  </si>
  <si>
    <t>musí mať založené okraje dovnútra bez strapkania gázy, žmolkov,</t>
  </si>
  <si>
    <t>4.9.7</t>
  </si>
  <si>
    <t>s RTG značením, s pásom všitým po okrajoch v dĺžke 11 cm x šírke 2 cm (tolerancia +- 0,5 cm x +- 0,5 cm),</t>
  </si>
  <si>
    <t>4.9.8</t>
  </si>
  <si>
    <t>viazané po 10 ks (delené),</t>
  </si>
  <si>
    <t>4.9.9</t>
  </si>
  <si>
    <t>prešívané do kríža.</t>
  </si>
  <si>
    <t>4.10</t>
  </si>
  <si>
    <t>Tampón prešívaný, TYP 2 - 10 ks</t>
  </si>
  <si>
    <t>4.10.1</t>
  </si>
  <si>
    <t>požadovaný rozmer: 45 cm x 45 cm,</t>
  </si>
  <si>
    <t>4.10.2</t>
  </si>
  <si>
    <t>4.10.3</t>
  </si>
  <si>
    <t>4.10.4</t>
  </si>
  <si>
    <t>4.10.5</t>
  </si>
  <si>
    <t>4.10.6</t>
  </si>
  <si>
    <t>musí mať založené okraje dovnútra bez strapkania gázy, žmolkovania</t>
  </si>
  <si>
    <t>4.10.7</t>
  </si>
  <si>
    <t>s RTG značením,</t>
  </si>
  <si>
    <t>4.10.8</t>
  </si>
  <si>
    <t>viazané po 5 ks (delené).</t>
  </si>
  <si>
    <t>4.11</t>
  </si>
  <si>
    <t>4.11.1</t>
  </si>
  <si>
    <t>4.11.2</t>
  </si>
  <si>
    <t>4.11.3</t>
  </si>
  <si>
    <t>4.11.4</t>
  </si>
  <si>
    <t>4.11.5</t>
  </si>
  <si>
    <t>4.12</t>
  </si>
  <si>
    <t>4.12.1</t>
  </si>
  <si>
    <t>veľkosť 9</t>
  </si>
  <si>
    <t>4.12.2</t>
  </si>
  <si>
    <t>farba biela</t>
  </si>
  <si>
    <t>4.12.3</t>
  </si>
  <si>
    <t>bez švou</t>
  </si>
  <si>
    <t>4.12.4</t>
  </si>
  <si>
    <t>okraj lemovaný elastickou manžetou</t>
  </si>
  <si>
    <t>požadovaný matreiál: 100% viskóza</t>
  </si>
  <si>
    <t>4.13</t>
  </si>
  <si>
    <t>Produkty č. 1 až č. 12 musia byť zabalené v sterilnom obale s peel efektom otvárania, ktorý musí obsahovať štítok s lepiacou etiketou na dokumentáciu, a tento musí obsahovať minimálne tieto údaje: názov setu, zloženie setu, exspiráciu setu a čiarový kód setu.</t>
  </si>
  <si>
    <t>GÁZOVÝ SET SUŠENIE č.5 musí obsahovať:</t>
  </si>
  <si>
    <t>5.2</t>
  </si>
  <si>
    <t>Utierka - 1 ks</t>
  </si>
  <si>
    <t>5.2.1</t>
  </si>
  <si>
    <t>5.2.2</t>
  </si>
  <si>
    <t>5.3</t>
  </si>
  <si>
    <t>Longeta s RTG gáza skladaná vinutá - 2 ks</t>
  </si>
  <si>
    <t>5.3.1</t>
  </si>
  <si>
    <t>5.3.2</t>
  </si>
  <si>
    <t>5.3.3</t>
  </si>
  <si>
    <t>5.3.4</t>
  </si>
  <si>
    <t>5.4</t>
  </si>
  <si>
    <t>5.4.1</t>
  </si>
  <si>
    <t>5.4.2</t>
  </si>
  <si>
    <t>5.4.3</t>
  </si>
  <si>
    <t>5.4.4</t>
  </si>
  <si>
    <t>5.5</t>
  </si>
  <si>
    <t>Tampón stáčaný preparačný - 20 ks</t>
  </si>
  <si>
    <t>5.5.1</t>
  </si>
  <si>
    <t>5.5.2</t>
  </si>
  <si>
    <t>5.5.3</t>
  </si>
  <si>
    <t>5.5.4</t>
  </si>
  <si>
    <t>5.6</t>
  </si>
  <si>
    <t>5.6.1</t>
  </si>
  <si>
    <t>5.6.2</t>
  </si>
  <si>
    <t>5.6.3</t>
  </si>
  <si>
    <t>5.6.4</t>
  </si>
  <si>
    <t>5.7</t>
  </si>
  <si>
    <t>Tampón prešívaný, TYP 1 - 20 ks</t>
  </si>
  <si>
    <t>5.7.1</t>
  </si>
  <si>
    <t>požadovaný rozmer: 28 cm x 32 cm (tolerancia + -1 cm x +- 1 cm)</t>
  </si>
  <si>
    <t>5.7.2</t>
  </si>
  <si>
    <t>5.7.3</t>
  </si>
  <si>
    <t>5.7.4</t>
  </si>
  <si>
    <t>5.7.5</t>
  </si>
  <si>
    <t>5.7.6</t>
  </si>
  <si>
    <t>musí mať založené okraje dovnútra bez strapkania gázy,</t>
  </si>
  <si>
    <t>5.7.7</t>
  </si>
  <si>
    <t>s RTG značením, s pásom všitým po okrajoch v dĺžke 11 cm x šírke 2 cm (tolerancia +-0,5 cm x +-0,5 cm),</t>
  </si>
  <si>
    <t>5.7.8</t>
  </si>
  <si>
    <t>5.7.9</t>
  </si>
  <si>
    <t>prešívaný do kríža,</t>
  </si>
  <si>
    <t>5.8</t>
  </si>
  <si>
    <t>Tampón prešívaný, TYP 2 - 5 ks</t>
  </si>
  <si>
    <t>5.8.1</t>
  </si>
  <si>
    <t>5.8.2</t>
  </si>
  <si>
    <t>5.8.3</t>
  </si>
  <si>
    <t>5.8.4</t>
  </si>
  <si>
    <t>5.8.5</t>
  </si>
  <si>
    <t>5.8.6</t>
  </si>
  <si>
    <t>5.8.7</t>
  </si>
  <si>
    <t>5.8.8</t>
  </si>
  <si>
    <t>5.9</t>
  </si>
  <si>
    <t>Miska plastová, TYP 1 - 2 ks</t>
  </si>
  <si>
    <t>5.9.1</t>
  </si>
  <si>
    <t>5.9.2</t>
  </si>
  <si>
    <t>5.9.3</t>
  </si>
  <si>
    <t>5.9.4</t>
  </si>
  <si>
    <t>5.9.5</t>
  </si>
  <si>
    <t>5.10</t>
  </si>
  <si>
    <t>Miska plastová, TYP 2 - 1 ks</t>
  </si>
  <si>
    <t>5.10.1</t>
  </si>
  <si>
    <t>požadovaný objem: 500 ml,</t>
  </si>
  <si>
    <t>5.10.2</t>
  </si>
  <si>
    <t>5.10.3</t>
  </si>
  <si>
    <t>dolný priemer od 78 mm do 82 mm,</t>
  </si>
  <si>
    <t>5.10.4</t>
  </si>
  <si>
    <t>horný priemer od 108 mm do112 mm,</t>
  </si>
  <si>
    <t>5.10.5</t>
  </si>
  <si>
    <t>5.11</t>
  </si>
  <si>
    <t>Produkty č. 1 až č. 10 musia byť zabalené v sterilnom obale s peel efektom otvárania, ktorý musí obsahovať štítok s lepiacou etiketou na dokumentáciu, a tento musí obsahovať minimálne tieto údaje: názov setu, zloženie setu, exspiráciu setu a čiarový kód setu.</t>
  </si>
  <si>
    <t>Položka č. 5 - Gázový set - Sušenie č. 5:</t>
  </si>
  <si>
    <t>4.7</t>
  </si>
  <si>
    <t>Tampón prešívaný - 10 ks</t>
  </si>
  <si>
    <t>Ovínadlo pružné - 3 ks</t>
  </si>
  <si>
    <t>Požaduje sa:</t>
  </si>
  <si>
    <t>Uchádzač uvedie informáciu, či akceptuje resp. neakceptuje verejným obstarávateľom definované zmluvné požiadavky na predmet zákazky
(v prípade neakceptovania príslušnej požiadavky uvedie dôvod a ním navrhovanú úpravu)</t>
  </si>
  <si>
    <t>5. Zmluvné požiadavky predmetu zákazky</t>
  </si>
  <si>
    <t>Požaduje sa uzatvorenie rámcovej dohody, a to na na dohodnuté zmluvné obdobie dvadsiatichštyroch (24)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 z. Obchodného zákonníka v znení neskorších predpisov splatnosť faktúry v lehote šesťdesiatich (60) kalendárnych dní odo dňa jej doručenia objednávateľovi.</t>
  </si>
  <si>
    <t>6.</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7.</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8.</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9.</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10.</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12.</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12.1</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r>
  </si>
  <si>
    <t>13.</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4.</t>
  </si>
  <si>
    <t>Požaduje sa, aby bol dodávateľ v čase predloženia ponuky a zároveň počas trvania rámcovej dohody oprávnený na poskytnutie plnenia predmetu zákazky.</t>
  </si>
  <si>
    <t>15.</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16.</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17.</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Tá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18.</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19.</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20.</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21.</t>
  </si>
  <si>
    <t>V prípade, ak sa na predmet zákazky vykonala prípravná trhová konzultácia, informácie k prípravnej trhovej konzultácie verejný obstarávateľ zverejňuje na www.vusch.sk/verejne-obstaravanie/.</t>
  </si>
  <si>
    <t>Bavlnená rukavica č. 9 - 1 ks (1 pár)</t>
  </si>
  <si>
    <t xml:space="preserve">33141127-6 Absorbovateľné prostriedky na zastavenie krvácania </t>
  </si>
  <si>
    <t>Gázový set</t>
  </si>
  <si>
    <t>Zdravotnícky materiál (spotrebný) používaný pri kardiochirurgických a cievnych operáciách na uchopenie, odtiahnutie orgánov,
telesných tkanív, zastavenie krvácania, na absorpciu telesných tekutín pri operačných zákrokoch.</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0" tint="-0.14999847407452621"/>
        <bgColor indexed="64"/>
      </patternFill>
    </fill>
  </fills>
  <borders count="5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medium">
        <color auto="1"/>
      </left>
      <right/>
      <top style="thin">
        <color auto="1"/>
      </top>
      <bottom/>
      <diagonal/>
    </border>
    <border>
      <left/>
      <right style="thin">
        <color auto="1"/>
      </right>
      <top style="thin">
        <color auto="1"/>
      </top>
      <bottom/>
      <diagonal/>
    </border>
    <border>
      <left style="thin">
        <color auto="1"/>
      </left>
      <right/>
      <top style="medium">
        <color auto="1"/>
      </top>
      <bottom style="thin">
        <color auto="1"/>
      </bottom>
      <diagonal/>
    </border>
    <border>
      <left/>
      <right style="medium">
        <color indexed="64"/>
      </right>
      <top style="medium">
        <color auto="1"/>
      </top>
      <bottom style="thin">
        <color auto="1"/>
      </bottom>
      <diagonal/>
    </border>
    <border>
      <left style="thin">
        <color auto="1"/>
      </left>
      <right/>
      <top style="dotted">
        <color auto="1"/>
      </top>
      <bottom style="dotted">
        <color auto="1"/>
      </bottom>
      <diagonal/>
    </border>
    <border>
      <left/>
      <right/>
      <top style="dotted">
        <color auto="1"/>
      </top>
      <bottom style="dotted">
        <color auto="1"/>
      </bottom>
      <diagonal/>
    </border>
    <border>
      <left/>
      <right style="thin">
        <color auto="1"/>
      </right>
      <top style="dotted">
        <color auto="1"/>
      </top>
      <bottom style="dotted">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style="thin">
        <color auto="1"/>
      </left>
      <right/>
      <top/>
      <bottom/>
      <diagonal/>
    </border>
    <border>
      <left/>
      <right style="medium">
        <color indexed="64"/>
      </right>
      <top/>
      <bottom/>
      <diagonal/>
    </border>
    <border>
      <left style="medium">
        <color auto="1"/>
      </left>
      <right/>
      <top style="thin">
        <color auto="1"/>
      </top>
      <bottom style="thin">
        <color auto="1"/>
      </bottom>
      <diagonal/>
    </border>
    <border>
      <left/>
      <right/>
      <top style="thin">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right style="thin">
        <color auto="1"/>
      </right>
      <top/>
      <bottom style="medium">
        <color auto="1"/>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thin">
        <color auto="1"/>
      </right>
      <top/>
      <bottom style="dotted">
        <color auto="1"/>
      </bottom>
      <diagonal/>
    </border>
    <border>
      <left style="medium">
        <color auto="1"/>
      </left>
      <right style="thin">
        <color auto="1"/>
      </right>
      <top style="dotted">
        <color auto="1"/>
      </top>
      <bottom/>
      <diagonal/>
    </border>
    <border>
      <left style="thin">
        <color auto="1"/>
      </left>
      <right style="thin">
        <color auto="1"/>
      </right>
      <top style="dotted">
        <color indexed="64"/>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bottom style="thin">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 fillId="0" borderId="0"/>
  </cellStyleXfs>
  <cellXfs count="20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0" fontId="3" fillId="0" borderId="20" xfId="0" applyFont="1" applyFill="1" applyBorder="1" applyAlignment="1">
      <alignment horizontal="left" vertical="center" wrapText="1"/>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6" xfId="0" applyNumberFormat="1" applyFont="1" applyFill="1" applyBorder="1" applyAlignment="1">
      <alignment horizontal="center" vertical="center" wrapText="1"/>
    </xf>
    <xf numFmtId="49" fontId="4" fillId="0" borderId="10" xfId="0" applyNumberFormat="1" applyFont="1" applyFill="1" applyBorder="1" applyAlignment="1">
      <alignment vertical="center" wrapText="1"/>
    </xf>
    <xf numFmtId="0" fontId="7" fillId="0" borderId="28" xfId="0" applyNumberFormat="1" applyFont="1" applyBorder="1" applyAlignment="1">
      <alignment horizontal="center" vertical="center" wrapText="1"/>
    </xf>
    <xf numFmtId="0" fontId="2" fillId="0" borderId="30" xfId="0" applyFont="1" applyFill="1" applyBorder="1" applyAlignment="1">
      <alignment horizontal="left" vertical="center" wrapText="1"/>
    </xf>
    <xf numFmtId="0" fontId="2" fillId="0" borderId="5" xfId="0" applyFont="1" applyFill="1" applyBorder="1" applyAlignment="1">
      <alignment horizontal="left" vertical="center" wrapText="1"/>
    </xf>
    <xf numFmtId="3" fontId="4" fillId="0" borderId="10" xfId="0" applyNumberFormat="1" applyFont="1" applyFill="1" applyBorder="1" applyAlignment="1">
      <alignment horizontal="center" vertical="center" wrapText="1"/>
    </xf>
    <xf numFmtId="0" fontId="2" fillId="0" borderId="0" xfId="0" applyFont="1" applyFill="1" applyAlignment="1">
      <alignment horizontal="center" vertical="top" wrapText="1"/>
    </xf>
    <xf numFmtId="49" fontId="2" fillId="0" borderId="25" xfId="0" applyNumberFormat="1" applyFont="1" applyBorder="1" applyAlignment="1">
      <alignment horizontal="center" vertical="center"/>
    </xf>
    <xf numFmtId="49" fontId="4" fillId="0" borderId="31" xfId="0" applyNumberFormat="1" applyFont="1" applyFill="1" applyBorder="1" applyAlignment="1">
      <alignment vertical="center" wrapText="1"/>
    </xf>
    <xf numFmtId="0" fontId="2" fillId="0" borderId="31" xfId="0" applyNumberFormat="1" applyFont="1" applyBorder="1" applyAlignment="1">
      <alignment horizontal="center" vertical="center" wrapText="1"/>
    </xf>
    <xf numFmtId="0" fontId="2" fillId="0" borderId="32" xfId="0" applyFont="1" applyBorder="1" applyAlignment="1">
      <alignment vertical="center" wrapText="1"/>
    </xf>
    <xf numFmtId="49" fontId="2" fillId="0" borderId="8" xfId="0" applyNumberFormat="1" applyFont="1" applyBorder="1" applyAlignment="1">
      <alignment horizontal="right" vertical="center"/>
    </xf>
    <xf numFmtId="0" fontId="11" fillId="2" borderId="10" xfId="0" applyNumberFormat="1" applyFont="1" applyFill="1" applyBorder="1" applyAlignment="1">
      <alignment horizontal="left" vertical="top" wrapText="1"/>
    </xf>
    <xf numFmtId="0" fontId="7" fillId="2" borderId="10" xfId="0" applyNumberFormat="1" applyFont="1" applyFill="1" applyBorder="1" applyAlignment="1">
      <alignment horizontal="left" vertical="top"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2" fillId="0" borderId="23" xfId="0" applyFont="1" applyFill="1" applyBorder="1" applyAlignment="1">
      <alignment horizontal="left" vertical="top" wrapText="1"/>
    </xf>
    <xf numFmtId="0" fontId="2" fillId="0" borderId="10" xfId="0" applyFont="1" applyFill="1" applyBorder="1" applyAlignment="1">
      <alignment horizontal="left" vertical="top" wrapText="1"/>
    </xf>
    <xf numFmtId="0" fontId="2" fillId="0" borderId="28" xfId="0" applyFont="1" applyFill="1" applyBorder="1" applyAlignment="1">
      <alignment horizontal="left" vertical="top" wrapText="1"/>
    </xf>
    <xf numFmtId="0" fontId="7" fillId="0" borderId="0" xfId="5" applyFont="1" applyAlignment="1">
      <alignment vertical="top" wrapText="1"/>
    </xf>
    <xf numFmtId="0" fontId="7" fillId="0" borderId="0" xfId="0" applyNumberFormat="1" applyFont="1" applyBorder="1" applyAlignment="1">
      <alignment vertical="top" wrapText="1"/>
    </xf>
    <xf numFmtId="0" fontId="7" fillId="0" borderId="0" xfId="0" applyFont="1" applyAlignment="1">
      <alignment vertical="top" wrapText="1"/>
    </xf>
    <xf numFmtId="0" fontId="2" fillId="0" borderId="10" xfId="0" applyFont="1" applyBorder="1" applyAlignment="1">
      <alignment vertical="center" wrapText="1"/>
    </xf>
    <xf numFmtId="0" fontId="2" fillId="0" borderId="10" xfId="0" applyFont="1" applyBorder="1" applyAlignment="1">
      <alignment horizontal="left" vertical="center" wrapText="1"/>
    </xf>
    <xf numFmtId="49" fontId="4" fillId="0" borderId="10" xfId="0" applyNumberFormat="1" applyFont="1" applyBorder="1" applyAlignment="1">
      <alignment horizontal="left" vertical="top" wrapText="1"/>
    </xf>
    <xf numFmtId="49" fontId="4" fillId="0" borderId="10" xfId="0" applyNumberFormat="1" applyFont="1" applyFill="1" applyBorder="1" applyAlignment="1">
      <alignment horizontal="left" vertical="center" wrapText="1"/>
    </xf>
    <xf numFmtId="49" fontId="2" fillId="0" borderId="8" xfId="0" applyNumberFormat="1" applyFont="1" applyBorder="1" applyAlignment="1">
      <alignment horizontal="left" vertical="center"/>
    </xf>
    <xf numFmtId="49" fontId="5" fillId="0" borderId="10" xfId="0" applyNumberFormat="1" applyFont="1" applyFill="1" applyBorder="1" applyAlignment="1">
      <alignment horizontal="left" vertical="center" wrapText="1"/>
    </xf>
    <xf numFmtId="49" fontId="5" fillId="0" borderId="10" xfId="0" applyNumberFormat="1" applyFont="1" applyFill="1" applyBorder="1" applyAlignment="1">
      <alignment vertical="center" wrapText="1"/>
    </xf>
    <xf numFmtId="49" fontId="4" fillId="0" borderId="10" xfId="0" applyNumberFormat="1" applyFont="1" applyBorder="1" applyAlignment="1">
      <alignment horizontal="left" vertical="center" wrapText="1"/>
    </xf>
    <xf numFmtId="49" fontId="2" fillId="0" borderId="25" xfId="0" applyNumberFormat="1" applyFont="1" applyBorder="1" applyAlignment="1">
      <alignment horizontal="left" vertical="center"/>
    </xf>
    <xf numFmtId="0" fontId="2" fillId="0" borderId="34" xfId="0" applyNumberFormat="1" applyFont="1" applyBorder="1" applyAlignment="1">
      <alignment horizontal="center" vertical="center" wrapText="1"/>
    </xf>
    <xf numFmtId="0" fontId="2" fillId="0" borderId="31" xfId="0" applyFont="1" applyBorder="1" applyAlignment="1">
      <alignment horizontal="left" vertical="center" wrapText="1"/>
    </xf>
    <xf numFmtId="49" fontId="2" fillId="0" borderId="29"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33" xfId="0" applyNumberFormat="1" applyFont="1" applyBorder="1" applyAlignment="1">
      <alignment horizontal="right" vertical="center"/>
    </xf>
    <xf numFmtId="0" fontId="3" fillId="0" borderId="10" xfId="0" applyFont="1" applyBorder="1" applyAlignment="1">
      <alignment vertical="center" wrapText="1"/>
    </xf>
    <xf numFmtId="49" fontId="2" fillId="0" borderId="25" xfId="0" applyNumberFormat="1" applyFont="1" applyBorder="1" applyAlignment="1">
      <alignment horizontal="right" vertical="center"/>
    </xf>
    <xf numFmtId="49" fontId="4" fillId="0" borderId="20" xfId="0" applyNumberFormat="1" applyFont="1" applyBorder="1" applyAlignment="1">
      <alignment horizontal="left" vertical="top" wrapText="1"/>
    </xf>
    <xf numFmtId="0" fontId="2" fillId="0" borderId="5" xfId="0" applyFont="1" applyFill="1" applyBorder="1" applyAlignment="1">
      <alignment horizontal="left" vertical="center" wrapText="1"/>
    </xf>
    <xf numFmtId="0" fontId="2" fillId="0" borderId="27" xfId="0" applyFont="1" applyFill="1" applyBorder="1" applyAlignment="1">
      <alignment horizontal="left" vertical="center" wrapText="1"/>
    </xf>
    <xf numFmtId="49" fontId="2" fillId="0" borderId="0" xfId="0" applyNumberFormat="1" applyFont="1" applyFill="1" applyBorder="1" applyAlignment="1">
      <alignment horizontal="left" vertical="center" wrapText="1"/>
    </xf>
    <xf numFmtId="0" fontId="4" fillId="0" borderId="0" xfId="0" applyFont="1" applyFill="1" applyBorder="1" applyAlignment="1">
      <alignment horizontal="left" vertical="top" wrapText="1"/>
    </xf>
    <xf numFmtId="0" fontId="4" fillId="0" borderId="10" xfId="0" applyFont="1" applyFill="1" applyBorder="1" applyAlignment="1">
      <alignment horizontal="left" vertical="center" wrapText="1"/>
    </xf>
    <xf numFmtId="0" fontId="4" fillId="5" borderId="10"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3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3" fontId="4" fillId="5" borderId="10" xfId="0" applyNumberFormat="1" applyFont="1" applyFill="1" applyBorder="1" applyAlignment="1">
      <alignment horizontal="center" vertical="center" wrapText="1"/>
    </xf>
    <xf numFmtId="0" fontId="2" fillId="6" borderId="10" xfId="0" applyFont="1" applyFill="1" applyBorder="1" applyAlignment="1">
      <alignment horizontal="center" vertical="top" wrapText="1"/>
    </xf>
    <xf numFmtId="0" fontId="2" fillId="6" borderId="10" xfId="0" applyFont="1" applyFill="1" applyBorder="1" applyAlignment="1">
      <alignment horizontal="left" vertical="top" wrapText="1"/>
    </xf>
    <xf numFmtId="0" fontId="2" fillId="0" borderId="0" xfId="0" applyFont="1" applyAlignment="1">
      <alignment horizontal="center" vertical="center" wrapText="1"/>
    </xf>
    <xf numFmtId="49" fontId="2" fillId="0" borderId="5" xfId="0" applyNumberFormat="1" applyFont="1" applyBorder="1" applyAlignment="1">
      <alignment horizontal="center" vertical="center" wrapText="1"/>
    </xf>
    <xf numFmtId="49" fontId="2" fillId="0" borderId="27" xfId="0" applyNumberFormat="1" applyFont="1" applyBorder="1" applyAlignment="1">
      <alignment horizontal="center" vertical="center" wrapText="1"/>
    </xf>
    <xf numFmtId="49" fontId="2" fillId="0" borderId="42" xfId="0" applyNumberFormat="1" applyFont="1" applyBorder="1" applyAlignment="1">
      <alignment horizontal="left" vertical="center" wrapText="1"/>
    </xf>
    <xf numFmtId="49" fontId="2" fillId="0" borderId="43" xfId="0" applyNumberFormat="1" applyFont="1" applyBorder="1" applyAlignment="1">
      <alignment horizontal="left" vertical="center" wrapText="1"/>
    </xf>
    <xf numFmtId="49" fontId="5" fillId="0" borderId="10" xfId="0" applyNumberFormat="1" applyFont="1" applyBorder="1" applyAlignment="1">
      <alignment horizontal="left" vertical="center" wrapText="1"/>
    </xf>
    <xf numFmtId="49" fontId="2" fillId="0" borderId="33" xfId="0" applyNumberFormat="1" applyFont="1" applyBorder="1" applyAlignment="1">
      <alignment horizontal="center" vertical="center"/>
    </xf>
    <xf numFmtId="49" fontId="2" fillId="0" borderId="33" xfId="0" applyNumberFormat="1" applyFont="1" applyBorder="1" applyAlignment="1">
      <alignment horizontal="left" vertical="center"/>
    </xf>
    <xf numFmtId="0" fontId="5" fillId="0" borderId="10" xfId="0" applyFont="1" applyFill="1" applyBorder="1" applyAlignment="1" applyProtection="1">
      <alignment horizontal="left" vertical="center" wrapText="1"/>
    </xf>
    <xf numFmtId="0" fontId="3" fillId="0" borderId="32" xfId="0" applyFont="1" applyBorder="1" applyAlignment="1">
      <alignment vertical="center" wrapText="1"/>
    </xf>
    <xf numFmtId="49" fontId="2" fillId="0" borderId="40" xfId="0" applyNumberFormat="1" applyFont="1" applyBorder="1" applyAlignment="1">
      <alignment horizontal="center" vertical="center" wrapText="1"/>
    </xf>
    <xf numFmtId="49" fontId="2" fillId="0" borderId="41" xfId="0" applyNumberFormat="1" applyFont="1" applyBorder="1" applyAlignment="1">
      <alignment horizontal="center" vertical="center" wrapText="1"/>
    </xf>
    <xf numFmtId="49" fontId="5" fillId="5" borderId="10" xfId="0" applyNumberFormat="1" applyFont="1" applyFill="1" applyBorder="1" applyAlignment="1">
      <alignment horizontal="left" vertical="center" wrapText="1"/>
    </xf>
    <xf numFmtId="49" fontId="2" fillId="0" borderId="11" xfId="0" applyNumberFormat="1" applyFont="1" applyBorder="1" applyAlignment="1">
      <alignment horizontal="center" vertical="center"/>
    </xf>
    <xf numFmtId="0" fontId="4" fillId="0" borderId="5" xfId="0" applyFont="1" applyFill="1" applyBorder="1" applyAlignment="1">
      <alignment horizontal="left" vertical="center" wrapText="1"/>
    </xf>
    <xf numFmtId="0" fontId="4" fillId="0" borderId="23" xfId="0" applyFont="1" applyFill="1" applyBorder="1" applyAlignment="1">
      <alignment horizontal="left" vertical="center" wrapText="1"/>
    </xf>
    <xf numFmtId="49" fontId="2" fillId="0" borderId="51" xfId="0" applyNumberFormat="1" applyFont="1" applyFill="1" applyBorder="1" applyAlignment="1">
      <alignment horizontal="center" vertical="center" wrapText="1"/>
    </xf>
    <xf numFmtId="0" fontId="4" fillId="0" borderId="52" xfId="0" applyFont="1" applyFill="1" applyBorder="1" applyAlignment="1">
      <alignment horizontal="left" vertical="center" wrapText="1"/>
    </xf>
    <xf numFmtId="49" fontId="2" fillId="0" borderId="26" xfId="0" applyNumberFormat="1" applyFont="1" applyFill="1" applyBorder="1" applyAlignment="1">
      <alignment horizontal="right" vertical="center" wrapText="1"/>
    </xf>
    <xf numFmtId="0" fontId="4" fillId="5" borderId="53" xfId="0" applyFont="1" applyFill="1" applyBorder="1" applyAlignment="1">
      <alignment horizontal="left" vertical="center" wrapText="1"/>
    </xf>
    <xf numFmtId="49" fontId="2" fillId="0" borderId="54" xfId="0" applyNumberFormat="1" applyFont="1" applyFill="1" applyBorder="1" applyAlignment="1">
      <alignment horizontal="right" vertical="center" wrapText="1"/>
    </xf>
    <xf numFmtId="0" fontId="4" fillId="0" borderId="28" xfId="0" applyFont="1" applyFill="1" applyBorder="1" applyAlignment="1">
      <alignment horizontal="left" vertical="center" wrapText="1"/>
    </xf>
    <xf numFmtId="0" fontId="4" fillId="0" borderId="55" xfId="0" applyFont="1" applyFill="1" applyBorder="1" applyAlignment="1">
      <alignment horizontal="left" vertical="center" wrapText="1"/>
    </xf>
    <xf numFmtId="49" fontId="2" fillId="0" borderId="56" xfId="0" applyNumberFormat="1" applyFont="1" applyFill="1" applyBorder="1" applyAlignment="1">
      <alignment horizontal="right" vertical="center" wrapText="1"/>
    </xf>
    <xf numFmtId="49" fontId="2" fillId="0" borderId="57" xfId="0" applyNumberFormat="1" applyFont="1" applyFill="1" applyBorder="1" applyAlignment="1">
      <alignment horizontal="right" vertical="center" wrapText="1"/>
    </xf>
    <xf numFmtId="0" fontId="4" fillId="0" borderId="32" xfId="0" applyFont="1" applyFill="1" applyBorder="1" applyAlignment="1">
      <alignment horizontal="left" vertical="center" wrapText="1"/>
    </xf>
    <xf numFmtId="0" fontId="13" fillId="5" borderId="0" xfId="0" applyFont="1" applyFill="1" applyBorder="1" applyAlignment="1">
      <alignment horizontal="justify" vertical="center"/>
    </xf>
    <xf numFmtId="0" fontId="4" fillId="0" borderId="53" xfId="0" applyFont="1" applyFill="1" applyBorder="1" applyAlignment="1">
      <alignment horizontal="left" vertical="center" wrapText="1"/>
    </xf>
    <xf numFmtId="49" fontId="2" fillId="0" borderId="57" xfId="0" applyNumberFormat="1" applyFont="1" applyFill="1" applyBorder="1" applyAlignment="1">
      <alignment horizontal="center" vertical="center" wrapText="1"/>
    </xf>
    <xf numFmtId="49" fontId="4" fillId="0" borderId="8" xfId="0" applyNumberFormat="1" applyFont="1" applyFill="1" applyBorder="1" applyAlignment="1">
      <alignment horizontal="center" vertical="center" wrapText="1"/>
    </xf>
    <xf numFmtId="49" fontId="2" fillId="0" borderId="25" xfId="0" applyNumberFormat="1" applyFont="1" applyFill="1" applyBorder="1" applyAlignment="1">
      <alignment horizontal="right" vertical="center" wrapText="1"/>
    </xf>
    <xf numFmtId="0" fontId="4" fillId="5" borderId="31" xfId="0" applyFont="1" applyFill="1" applyBorder="1" applyAlignment="1">
      <alignment horizontal="left" vertical="center" wrapText="1"/>
    </xf>
    <xf numFmtId="49" fontId="2" fillId="0" borderId="25" xfId="0" applyNumberFormat="1" applyFont="1" applyFill="1" applyBorder="1" applyAlignment="1">
      <alignment horizontal="center" vertical="center" wrapText="1"/>
    </xf>
    <xf numFmtId="49" fontId="2" fillId="0" borderId="26" xfId="0" applyNumberFormat="1" applyFont="1" applyFill="1" applyBorder="1" applyAlignment="1">
      <alignment horizontal="center" vertical="center" wrapText="1"/>
    </xf>
    <xf numFmtId="49" fontId="2" fillId="0" borderId="57" xfId="0" applyNumberFormat="1" applyFont="1" applyFill="1" applyBorder="1" applyAlignment="1">
      <alignment horizontal="center" vertical="center" wrapText="1"/>
    </xf>
    <xf numFmtId="49" fontId="3" fillId="4" borderId="44" xfId="0" applyNumberFormat="1" applyFont="1" applyFill="1" applyBorder="1" applyAlignment="1">
      <alignment horizontal="left" vertical="center"/>
    </xf>
    <xf numFmtId="49" fontId="3" fillId="4" borderId="45" xfId="0" applyNumberFormat="1" applyFont="1" applyFill="1" applyBorder="1" applyAlignment="1">
      <alignment horizontal="left" vertical="center"/>
    </xf>
    <xf numFmtId="49" fontId="3" fillId="4" borderId="27" xfId="0" applyNumberFormat="1" applyFont="1" applyFill="1" applyBorder="1" applyAlignment="1">
      <alignment horizontal="left" vertical="center"/>
    </xf>
    <xf numFmtId="0" fontId="3" fillId="0" borderId="0" xfId="0" applyFont="1" applyAlignment="1">
      <alignment horizontal="center" vertical="center" wrapText="1"/>
    </xf>
    <xf numFmtId="0" fontId="2" fillId="0" borderId="5" xfId="0" applyFont="1" applyFill="1" applyBorder="1" applyAlignment="1">
      <alignment horizontal="center" vertical="center" wrapText="1"/>
    </xf>
    <xf numFmtId="0" fontId="2" fillId="0" borderId="27" xfId="0"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27" xfId="0" applyNumberFormat="1" applyFont="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27" xfId="0" applyNumberFormat="1" applyFont="1" applyBorder="1" applyAlignment="1">
      <alignment horizontal="left" vertical="center" wrapText="1"/>
    </xf>
    <xf numFmtId="0" fontId="3" fillId="3"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4" fillId="5"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6" borderId="5" xfId="0" applyFont="1" applyFill="1" applyBorder="1" applyAlignment="1">
      <alignment horizontal="left" vertical="top" wrapText="1"/>
    </xf>
    <xf numFmtId="0" fontId="2" fillId="6"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5" fillId="4" borderId="22" xfId="0" applyNumberFormat="1" applyFont="1" applyFill="1" applyBorder="1" applyAlignment="1">
      <alignment horizontal="left" vertical="center" wrapText="1"/>
    </xf>
    <xf numFmtId="49" fontId="5" fillId="4" borderId="23" xfId="0" applyNumberFormat="1" applyFont="1" applyFill="1" applyBorder="1" applyAlignment="1">
      <alignment horizontal="left" vertical="center" wrapText="1"/>
    </xf>
    <xf numFmtId="49" fontId="5" fillId="4" borderId="24" xfId="0" applyNumberFormat="1"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5" borderId="0" xfId="0" applyFont="1" applyFill="1" applyAlignment="1">
      <alignment horizontal="left" vertical="center" wrapText="1"/>
    </xf>
    <xf numFmtId="0" fontId="2" fillId="0" borderId="0" xfId="0" applyFont="1" applyAlignment="1">
      <alignment horizontal="center" vertical="center" wrapText="1"/>
    </xf>
    <xf numFmtId="49" fontId="5" fillId="0" borderId="0" xfId="0" applyNumberFormat="1" applyFont="1" applyFill="1" applyAlignment="1">
      <alignment horizontal="left" vertical="top"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29" xfId="0" applyFont="1" applyFill="1" applyBorder="1" applyAlignment="1">
      <alignment horizontal="center"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49" fontId="3" fillId="2" borderId="49" xfId="0" applyNumberFormat="1" applyFont="1" applyFill="1" applyBorder="1" applyAlignment="1">
      <alignment horizontal="left" vertical="top" wrapText="1"/>
    </xf>
    <xf numFmtId="49" fontId="3" fillId="2" borderId="50" xfId="0" applyNumberFormat="1" applyFont="1" applyFill="1" applyBorder="1" applyAlignment="1">
      <alignment horizontal="left" vertical="top" wrapText="1"/>
    </xf>
    <xf numFmtId="0" fontId="3" fillId="2" borderId="46" xfId="0" applyFont="1" applyFill="1" applyBorder="1" applyAlignment="1">
      <alignment horizontal="center" vertical="top" wrapText="1"/>
    </xf>
    <xf numFmtId="0" fontId="3" fillId="2" borderId="47" xfId="0" applyFont="1" applyFill="1" applyBorder="1" applyAlignment="1">
      <alignment horizontal="center" vertical="top" wrapText="1"/>
    </xf>
    <xf numFmtId="0" fontId="3" fillId="2" borderId="48" xfId="0" applyFont="1" applyFill="1" applyBorder="1" applyAlignment="1">
      <alignment horizontal="center" vertical="top" wrapText="1"/>
    </xf>
    <xf numFmtId="0" fontId="5" fillId="0" borderId="37" xfId="0" applyFont="1" applyBorder="1" applyAlignment="1">
      <alignment horizontal="left" vertical="center" wrapText="1"/>
    </xf>
    <xf numFmtId="0" fontId="5" fillId="0" borderId="38" xfId="0" applyFont="1" applyBorder="1" applyAlignment="1">
      <alignment horizontal="left" vertical="center" wrapText="1"/>
    </xf>
    <xf numFmtId="0" fontId="5" fillId="0" borderId="39" xfId="0" applyFont="1" applyBorder="1" applyAlignment="1">
      <alignment horizontal="left" vertical="center" wrapText="1"/>
    </xf>
  </cellXfs>
  <cellStyles count="7">
    <cellStyle name="Normálna" xfId="0" builtinId="0"/>
    <cellStyle name="Normálna 2" xfId="2"/>
    <cellStyle name="Normálna 4" xfId="6"/>
    <cellStyle name="Normálne 2" xfId="3"/>
    <cellStyle name="normálne 2 2" xfId="1"/>
    <cellStyle name="normálne 2 2 2" xfId="4"/>
    <cellStyle name="Normálne 4" xfId="5"/>
  </cellStyles>
  <dxfs count="1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466725</xdr:colOff>
          <xdr:row>22</xdr:row>
          <xdr:rowOff>228600</xdr:rowOff>
        </xdr:from>
        <xdr:to>
          <xdr:col>2</xdr:col>
          <xdr:colOff>38100</xdr:colOff>
          <xdr:row>23</xdr:row>
          <xdr:rowOff>190500</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66725</xdr:colOff>
          <xdr:row>23</xdr:row>
          <xdr:rowOff>219075</xdr:rowOff>
        </xdr:from>
        <xdr:to>
          <xdr:col>2</xdr:col>
          <xdr:colOff>38100</xdr:colOff>
          <xdr:row>24</xdr:row>
          <xdr:rowOff>1905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47675</xdr:colOff>
          <xdr:row>33</xdr:row>
          <xdr:rowOff>219075</xdr:rowOff>
        </xdr:from>
        <xdr:to>
          <xdr:col>2</xdr:col>
          <xdr:colOff>19050</xdr:colOff>
          <xdr:row>34</xdr:row>
          <xdr:rowOff>1905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438150</xdr:colOff>
          <xdr:row>34</xdr:row>
          <xdr:rowOff>180975</xdr:rowOff>
        </xdr:from>
        <xdr:to>
          <xdr:col>2</xdr:col>
          <xdr:colOff>9525</xdr:colOff>
          <xdr:row>35</xdr:row>
          <xdr:rowOff>1428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401"/>
  <sheetViews>
    <sheetView showGridLines="0" tabSelected="1" topLeftCell="A353" zoomScale="80" zoomScaleNormal="80" workbookViewId="0">
      <selection activeCell="N18" sqref="N18"/>
    </sheetView>
  </sheetViews>
  <sheetFormatPr defaultRowHeight="12.75" x14ac:dyDescent="0.2"/>
  <cols>
    <col min="1" max="1" width="1.85546875" style="1" customWidth="1"/>
    <col min="2" max="2" width="10.28515625" style="1" customWidth="1"/>
    <col min="3" max="3" width="70.42578125" style="3" customWidth="1"/>
    <col min="4" max="4" width="16.42578125" style="8" customWidth="1"/>
    <col min="5" max="5" width="13.7109375" style="8" customWidth="1"/>
    <col min="6" max="6" width="19.7109375" style="2" customWidth="1"/>
    <col min="7" max="7" width="17.140625" style="1" customWidth="1"/>
    <col min="8" max="9" width="9.140625" style="1" customWidth="1"/>
    <col min="10" max="16384" width="9.140625" style="1"/>
  </cols>
  <sheetData>
    <row r="1" spans="2:6" ht="37.5" customHeight="1" x14ac:dyDescent="0.2">
      <c r="B1" s="143" t="s">
        <v>116</v>
      </c>
      <c r="C1" s="143"/>
      <c r="D1" s="143"/>
      <c r="E1" s="143"/>
      <c r="F1" s="143"/>
    </row>
    <row r="2" spans="2:6" ht="27.75" customHeight="1" x14ac:dyDescent="0.2">
      <c r="B2" s="188" t="s">
        <v>42</v>
      </c>
      <c r="C2" s="188"/>
      <c r="D2" s="188"/>
      <c r="E2" s="188"/>
      <c r="F2" s="188"/>
    </row>
    <row r="3" spans="2:6" ht="69.75" customHeight="1" x14ac:dyDescent="0.2">
      <c r="B3" s="184" t="s">
        <v>46</v>
      </c>
      <c r="C3" s="184"/>
      <c r="D3" s="184"/>
      <c r="E3" s="184"/>
      <c r="F3" s="184"/>
    </row>
    <row r="4" spans="2:6" ht="24.95" customHeight="1" x14ac:dyDescent="0.2">
      <c r="B4" s="37" t="s">
        <v>45</v>
      </c>
      <c r="C4" s="63"/>
      <c r="D4" s="34"/>
      <c r="E4" s="34"/>
      <c r="F4" s="34"/>
    </row>
    <row r="5" spans="2:6" ht="24.95" customHeight="1" x14ac:dyDescent="0.2">
      <c r="B5" s="37" t="s">
        <v>43</v>
      </c>
      <c r="C5" s="64"/>
      <c r="D5" s="34"/>
      <c r="E5" s="34"/>
      <c r="F5" s="34"/>
    </row>
    <row r="6" spans="2:6" ht="5.0999999999999996" customHeight="1" x14ac:dyDescent="0.2">
      <c r="B6" s="34"/>
      <c r="C6" s="57"/>
      <c r="D6" s="34"/>
      <c r="E6" s="34"/>
      <c r="F6" s="34"/>
    </row>
    <row r="7" spans="2:6" s="2" customFormat="1" ht="20.100000000000001" customHeight="1" x14ac:dyDescent="0.25">
      <c r="B7" s="150" t="s">
        <v>4</v>
      </c>
      <c r="C7" s="150"/>
      <c r="D7" s="150"/>
      <c r="E7" s="150"/>
      <c r="F7" s="150"/>
    </row>
    <row r="8" spans="2:6" s="2" customFormat="1" ht="20.100000000000001" customHeight="1" x14ac:dyDescent="0.25">
      <c r="B8" s="185" t="s">
        <v>7</v>
      </c>
      <c r="C8" s="185"/>
      <c r="D8" s="185"/>
      <c r="E8" s="185"/>
      <c r="F8" s="185"/>
    </row>
    <row r="9" spans="2:6" ht="29.25" customHeight="1" x14ac:dyDescent="0.2">
      <c r="B9" s="189" t="s">
        <v>500</v>
      </c>
      <c r="C9" s="189"/>
      <c r="D9" s="189"/>
      <c r="E9" s="189"/>
      <c r="F9" s="189"/>
    </row>
    <row r="10" spans="2:6" ht="4.5" customHeight="1" x14ac:dyDescent="0.2">
      <c r="B10" s="36"/>
      <c r="C10" s="36"/>
      <c r="D10" s="36"/>
      <c r="E10" s="36"/>
      <c r="F10" s="36"/>
    </row>
    <row r="11" spans="2:6" s="2" customFormat="1" ht="20.100000000000001" customHeight="1" x14ac:dyDescent="0.25">
      <c r="B11" s="186" t="s">
        <v>8</v>
      </c>
      <c r="C11" s="186"/>
      <c r="D11" s="186"/>
      <c r="E11" s="186"/>
      <c r="F11" s="186"/>
    </row>
    <row r="12" spans="2:6" s="2" customFormat="1" ht="15" customHeight="1" x14ac:dyDescent="0.25">
      <c r="B12" s="187" t="s">
        <v>499</v>
      </c>
      <c r="C12" s="187"/>
      <c r="D12" s="187"/>
      <c r="E12" s="38"/>
      <c r="F12" s="38"/>
    </row>
    <row r="13" spans="2:6" s="3" customFormat="1" ht="15" customHeight="1" x14ac:dyDescent="0.25">
      <c r="B13" s="187" t="s">
        <v>61</v>
      </c>
      <c r="C13" s="187"/>
      <c r="D13" s="187"/>
      <c r="E13" s="16"/>
      <c r="F13" s="17"/>
    </row>
    <row r="14" spans="2:6" ht="4.5" customHeight="1" x14ac:dyDescent="0.2">
      <c r="B14" s="39"/>
      <c r="C14" s="39"/>
      <c r="D14" s="39"/>
      <c r="E14" s="36"/>
      <c r="F14" s="36"/>
    </row>
    <row r="15" spans="2:6" ht="20.100000000000001" customHeight="1" x14ac:dyDescent="0.2">
      <c r="B15" s="35" t="s">
        <v>9</v>
      </c>
      <c r="C15" s="35"/>
      <c r="D15" s="18"/>
      <c r="E15" s="19"/>
      <c r="F15" s="19"/>
    </row>
    <row r="16" spans="2:6" s="3" customFormat="1" ht="24.95" customHeight="1" x14ac:dyDescent="0.25">
      <c r="B16" s="157" t="s">
        <v>54</v>
      </c>
      <c r="C16" s="157"/>
      <c r="D16" s="157"/>
      <c r="E16" s="16"/>
      <c r="F16" s="17"/>
    </row>
    <row r="17" spans="2:9" ht="5.0999999999999996" customHeight="1" x14ac:dyDescent="0.2">
      <c r="B17" s="156"/>
      <c r="C17" s="156"/>
      <c r="D17" s="156"/>
      <c r="F17" s="15"/>
    </row>
    <row r="18" spans="2:9" s="2" customFormat="1" ht="20.100000000000001" customHeight="1" x14ac:dyDescent="0.25">
      <c r="B18" s="150" t="s">
        <v>21</v>
      </c>
      <c r="C18" s="150"/>
      <c r="D18" s="150"/>
      <c r="E18" s="150"/>
      <c r="F18" s="150"/>
    </row>
    <row r="19" spans="2:9" ht="26.25" customHeight="1" x14ac:dyDescent="0.2">
      <c r="B19" s="155" t="s">
        <v>501</v>
      </c>
      <c r="C19" s="155"/>
      <c r="D19" s="155"/>
      <c r="E19" s="155"/>
      <c r="F19" s="155"/>
    </row>
    <row r="20" spans="2:9" ht="5.0999999999999996" customHeight="1" x14ac:dyDescent="0.2">
      <c r="B20" s="156"/>
      <c r="C20" s="156"/>
      <c r="D20" s="156"/>
      <c r="F20" s="15"/>
    </row>
    <row r="21" spans="2:9" s="2" customFormat="1" ht="20.100000000000001" customHeight="1" x14ac:dyDescent="0.25">
      <c r="B21" s="150" t="s">
        <v>22</v>
      </c>
      <c r="C21" s="150"/>
      <c r="D21" s="150"/>
      <c r="E21" s="150"/>
      <c r="F21" s="150"/>
    </row>
    <row r="22" spans="2:9" s="9" customFormat="1" ht="20.100000000000001" customHeight="1" x14ac:dyDescent="0.25">
      <c r="B22" s="165" t="s">
        <v>5</v>
      </c>
      <c r="C22" s="165"/>
      <c r="D22" s="165"/>
      <c r="E22" s="165"/>
      <c r="F22" s="165"/>
    </row>
    <row r="23" spans="2:9" s="9" customFormat="1" ht="20.100000000000001" customHeight="1" x14ac:dyDescent="0.25">
      <c r="B23" s="168" t="s">
        <v>15</v>
      </c>
      <c r="C23" s="169"/>
      <c r="D23" s="14"/>
      <c r="E23" s="14"/>
      <c r="F23" s="14"/>
    </row>
    <row r="24" spans="2:9" s="9" customFormat="1" ht="20.100000000000001" customHeight="1" x14ac:dyDescent="0.25">
      <c r="B24" s="13"/>
      <c r="C24" s="65" t="s">
        <v>19</v>
      </c>
      <c r="D24" s="14"/>
      <c r="E24" s="14"/>
      <c r="F24" s="14"/>
    </row>
    <row r="25" spans="2:9" s="9" customFormat="1" ht="20.100000000000001" customHeight="1" x14ac:dyDescent="0.25">
      <c r="B25" s="13"/>
      <c r="C25" s="65" t="s">
        <v>20</v>
      </c>
      <c r="D25" s="14"/>
      <c r="E25" s="14"/>
      <c r="F25" s="14"/>
    </row>
    <row r="26" spans="2:9" s="9" customFormat="1" ht="20.100000000000001" customHeight="1" x14ac:dyDescent="0.25">
      <c r="B26" s="168" t="s">
        <v>16</v>
      </c>
      <c r="C26" s="169"/>
      <c r="D26" s="14"/>
      <c r="E26" s="14"/>
      <c r="F26" s="14"/>
    </row>
    <row r="27" spans="2:9" s="9" customFormat="1" ht="42.75" customHeight="1" x14ac:dyDescent="0.25">
      <c r="B27" s="104" t="s">
        <v>17</v>
      </c>
      <c r="C27" s="166" t="s">
        <v>11</v>
      </c>
      <c r="D27" s="167"/>
      <c r="E27" s="103" t="s">
        <v>10</v>
      </c>
      <c r="F27" s="103" t="s">
        <v>65</v>
      </c>
    </row>
    <row r="28" spans="2:9" s="9" customFormat="1" ht="24.95" customHeight="1" x14ac:dyDescent="0.25">
      <c r="B28" s="40" t="s">
        <v>1</v>
      </c>
      <c r="C28" s="158" t="s">
        <v>117</v>
      </c>
      <c r="D28" s="159"/>
      <c r="E28" s="49" t="s">
        <v>58</v>
      </c>
      <c r="F28" s="56">
        <v>1504.8000000000002</v>
      </c>
      <c r="I28" s="48"/>
    </row>
    <row r="29" spans="2:9" s="9" customFormat="1" ht="24.95" customHeight="1" x14ac:dyDescent="0.25">
      <c r="B29" s="40" t="s">
        <v>60</v>
      </c>
      <c r="C29" s="158" t="s">
        <v>118</v>
      </c>
      <c r="D29" s="159"/>
      <c r="E29" s="49" t="s">
        <v>58</v>
      </c>
      <c r="F29" s="56">
        <v>280</v>
      </c>
      <c r="I29" s="48"/>
    </row>
    <row r="30" spans="2:9" s="9" customFormat="1" ht="24.95" customHeight="1" x14ac:dyDescent="0.25">
      <c r="B30" s="40" t="s">
        <v>62</v>
      </c>
      <c r="C30" s="158" t="s">
        <v>119</v>
      </c>
      <c r="D30" s="159"/>
      <c r="E30" s="49" t="s">
        <v>58</v>
      </c>
      <c r="F30" s="56">
        <v>790</v>
      </c>
      <c r="I30" s="48"/>
    </row>
    <row r="31" spans="2:9" s="9" customFormat="1" ht="24.95" customHeight="1" x14ac:dyDescent="0.25">
      <c r="B31" s="40" t="s">
        <v>63</v>
      </c>
      <c r="C31" s="158" t="s">
        <v>120</v>
      </c>
      <c r="D31" s="159"/>
      <c r="E31" s="49" t="s">
        <v>58</v>
      </c>
      <c r="F31" s="56">
        <v>1700</v>
      </c>
      <c r="I31" s="48"/>
    </row>
    <row r="32" spans="2:9" s="9" customFormat="1" ht="24.95" customHeight="1" x14ac:dyDescent="0.25">
      <c r="B32" s="40" t="s">
        <v>64</v>
      </c>
      <c r="C32" s="158" t="s">
        <v>121</v>
      </c>
      <c r="D32" s="159"/>
      <c r="E32" s="49" t="s">
        <v>58</v>
      </c>
      <c r="F32" s="102">
        <v>670</v>
      </c>
      <c r="I32" s="48"/>
    </row>
    <row r="33" spans="2:7" s="9" customFormat="1" ht="4.5" customHeight="1" x14ac:dyDescent="0.25">
      <c r="B33" s="14"/>
      <c r="C33" s="66"/>
      <c r="D33" s="14"/>
      <c r="E33" s="14"/>
      <c r="F33" s="14"/>
    </row>
    <row r="34" spans="2:7" s="9" customFormat="1" ht="20.100000000000001" customHeight="1" x14ac:dyDescent="0.25">
      <c r="B34" s="168" t="s">
        <v>18</v>
      </c>
      <c r="C34" s="169"/>
      <c r="D34" s="14"/>
      <c r="E34" s="14"/>
      <c r="F34" s="14"/>
    </row>
    <row r="35" spans="2:7" s="9" customFormat="1" ht="20.100000000000001" customHeight="1" x14ac:dyDescent="0.2">
      <c r="B35" s="10"/>
      <c r="C35" s="67" t="s">
        <v>2</v>
      </c>
      <c r="D35" s="14"/>
      <c r="E35" s="14"/>
      <c r="F35" s="14"/>
    </row>
    <row r="36" spans="2:7" s="9" customFormat="1" ht="20.100000000000001" customHeight="1" x14ac:dyDescent="0.25">
      <c r="B36" s="13"/>
      <c r="C36" s="3" t="s">
        <v>3</v>
      </c>
      <c r="D36" s="14"/>
      <c r="E36" s="14"/>
      <c r="F36" s="14"/>
    </row>
    <row r="37" spans="2:7" ht="5.0999999999999996" customHeight="1" x14ac:dyDescent="0.2"/>
    <row r="38" spans="2:7" s="2" customFormat="1" ht="20.100000000000001" customHeight="1" x14ac:dyDescent="0.25">
      <c r="B38" s="150" t="s">
        <v>23</v>
      </c>
      <c r="C38" s="150"/>
      <c r="D38" s="150"/>
      <c r="E38" s="150"/>
      <c r="F38" s="150"/>
    </row>
    <row r="39" spans="2:7" s="2" customFormat="1" ht="5.0999999999999996" customHeight="1" thickBot="1" x14ac:dyDescent="0.3">
      <c r="B39" s="15"/>
      <c r="C39" s="3"/>
      <c r="D39" s="6"/>
      <c r="E39" s="6"/>
      <c r="F39" s="6"/>
    </row>
    <row r="40" spans="2:7" s="3" customFormat="1" ht="93" customHeight="1" x14ac:dyDescent="0.25">
      <c r="B40" s="151" t="s">
        <v>0</v>
      </c>
      <c r="C40" s="152"/>
      <c r="D40" s="160" t="s">
        <v>24</v>
      </c>
      <c r="E40" s="161"/>
      <c r="F40" s="162"/>
      <c r="G40" s="20"/>
    </row>
    <row r="41" spans="2:7" s="3" customFormat="1" ht="30" customHeight="1" thickBot="1" x14ac:dyDescent="0.3">
      <c r="B41" s="153"/>
      <c r="C41" s="154"/>
      <c r="D41" s="21" t="s">
        <v>25</v>
      </c>
      <c r="E41" s="163" t="s">
        <v>26</v>
      </c>
      <c r="F41" s="164"/>
    </row>
    <row r="42" spans="2:7" s="22" customFormat="1" ht="30.75" customHeight="1" x14ac:dyDescent="0.25">
      <c r="B42" s="170" t="s">
        <v>122</v>
      </c>
      <c r="C42" s="171"/>
      <c r="D42" s="171"/>
      <c r="E42" s="171"/>
      <c r="F42" s="172"/>
    </row>
    <row r="43" spans="2:7" s="4" customFormat="1" ht="29.25" customHeight="1" x14ac:dyDescent="0.25">
      <c r="B43" s="78" t="s">
        <v>13</v>
      </c>
      <c r="C43" s="79" t="s">
        <v>243</v>
      </c>
      <c r="D43" s="42"/>
      <c r="E43" s="146"/>
      <c r="F43" s="147"/>
    </row>
    <row r="44" spans="2:7" s="4" customFormat="1" ht="29.25" customHeight="1" x14ac:dyDescent="0.25">
      <c r="B44" s="101" t="s">
        <v>123</v>
      </c>
      <c r="C44" s="79" t="s">
        <v>124</v>
      </c>
      <c r="D44" s="42"/>
      <c r="E44" s="146"/>
      <c r="F44" s="147"/>
    </row>
    <row r="45" spans="2:7" s="4" customFormat="1" ht="29.25" customHeight="1" x14ac:dyDescent="0.25">
      <c r="B45" s="62" t="s">
        <v>66</v>
      </c>
      <c r="C45" s="52" t="s">
        <v>125</v>
      </c>
      <c r="D45" s="42"/>
      <c r="E45" s="146"/>
      <c r="F45" s="147"/>
    </row>
    <row r="46" spans="2:7" s="4" customFormat="1" ht="29.25" customHeight="1" x14ac:dyDescent="0.25">
      <c r="B46" s="62" t="s">
        <v>67</v>
      </c>
      <c r="C46" s="52" t="s">
        <v>126</v>
      </c>
      <c r="D46" s="42"/>
      <c r="E46" s="146"/>
      <c r="F46" s="147"/>
    </row>
    <row r="47" spans="2:7" s="4" customFormat="1" ht="29.25" customHeight="1" x14ac:dyDescent="0.25">
      <c r="B47" s="62" t="s">
        <v>68</v>
      </c>
      <c r="C47" s="52" t="s">
        <v>127</v>
      </c>
      <c r="D47" s="42"/>
      <c r="E47" s="146"/>
      <c r="F47" s="147"/>
    </row>
    <row r="48" spans="2:7" s="4" customFormat="1" ht="29.25" customHeight="1" x14ac:dyDescent="0.25">
      <c r="B48" s="62" t="s">
        <v>69</v>
      </c>
      <c r="C48" s="52" t="s">
        <v>128</v>
      </c>
      <c r="D48" s="42"/>
      <c r="E48" s="146"/>
      <c r="F48" s="147"/>
    </row>
    <row r="49" spans="2:6" s="4" customFormat="1" ht="29.25" customHeight="1" x14ac:dyDescent="0.25">
      <c r="B49" s="101" t="s">
        <v>70</v>
      </c>
      <c r="C49" s="80" t="s">
        <v>129</v>
      </c>
      <c r="D49" s="42"/>
      <c r="E49" s="146"/>
      <c r="F49" s="147"/>
    </row>
    <row r="50" spans="2:6" s="4" customFormat="1" ht="29.25" customHeight="1" x14ac:dyDescent="0.25">
      <c r="B50" s="62" t="s">
        <v>71</v>
      </c>
      <c r="C50" s="52" t="s">
        <v>130</v>
      </c>
      <c r="D50" s="42"/>
      <c r="E50" s="146"/>
      <c r="F50" s="147"/>
    </row>
    <row r="51" spans="2:6" s="4" customFormat="1" ht="29.25" customHeight="1" x14ac:dyDescent="0.25">
      <c r="B51" s="62" t="s">
        <v>72</v>
      </c>
      <c r="C51" s="52" t="s">
        <v>131</v>
      </c>
      <c r="D51" s="42"/>
      <c r="E51" s="146"/>
      <c r="F51" s="147"/>
    </row>
    <row r="52" spans="2:6" s="4" customFormat="1" ht="29.25" customHeight="1" x14ac:dyDescent="0.25">
      <c r="B52" s="62" t="s">
        <v>73</v>
      </c>
      <c r="C52" s="80" t="s">
        <v>132</v>
      </c>
      <c r="D52" s="42"/>
      <c r="E52" s="146"/>
      <c r="F52" s="147"/>
    </row>
    <row r="53" spans="2:6" s="4" customFormat="1" ht="29.25" customHeight="1" x14ac:dyDescent="0.25">
      <c r="B53" s="62" t="s">
        <v>74</v>
      </c>
      <c r="C53" s="52" t="s">
        <v>133</v>
      </c>
      <c r="D53" s="42"/>
      <c r="E53" s="146"/>
      <c r="F53" s="147"/>
    </row>
    <row r="54" spans="2:6" s="4" customFormat="1" ht="29.25" customHeight="1" x14ac:dyDescent="0.25">
      <c r="B54" s="62" t="s">
        <v>75</v>
      </c>
      <c r="C54" s="52" t="s">
        <v>134</v>
      </c>
      <c r="D54" s="42"/>
      <c r="E54" s="146"/>
      <c r="F54" s="147"/>
    </row>
    <row r="55" spans="2:6" s="4" customFormat="1" ht="29.25" customHeight="1" x14ac:dyDescent="0.25">
      <c r="B55" s="62" t="s">
        <v>76</v>
      </c>
      <c r="C55" s="52" t="s">
        <v>135</v>
      </c>
      <c r="D55" s="42"/>
      <c r="E55" s="146"/>
      <c r="F55" s="147"/>
    </row>
    <row r="56" spans="2:6" s="4" customFormat="1" ht="29.25" customHeight="1" x14ac:dyDescent="0.25">
      <c r="B56" s="62" t="s">
        <v>77</v>
      </c>
      <c r="C56" s="52" t="s">
        <v>136</v>
      </c>
      <c r="D56" s="42"/>
      <c r="E56" s="146"/>
      <c r="F56" s="147"/>
    </row>
    <row r="57" spans="2:6" s="4" customFormat="1" ht="29.25" customHeight="1" x14ac:dyDescent="0.25">
      <c r="B57" s="62" t="s">
        <v>137</v>
      </c>
      <c r="C57" s="80" t="s">
        <v>138</v>
      </c>
      <c r="D57" s="42"/>
      <c r="E57" s="146"/>
      <c r="F57" s="147"/>
    </row>
    <row r="58" spans="2:6" s="4" customFormat="1" ht="29.25" customHeight="1" x14ac:dyDescent="0.25">
      <c r="B58" s="62" t="s">
        <v>139</v>
      </c>
      <c r="C58" s="52" t="s">
        <v>140</v>
      </c>
      <c r="D58" s="42"/>
      <c r="E58" s="146"/>
      <c r="F58" s="147"/>
    </row>
    <row r="59" spans="2:6" s="4" customFormat="1" ht="29.25" customHeight="1" x14ac:dyDescent="0.25">
      <c r="B59" s="62" t="s">
        <v>141</v>
      </c>
      <c r="C59" s="52" t="s">
        <v>142</v>
      </c>
      <c r="D59" s="42"/>
      <c r="E59" s="146"/>
      <c r="F59" s="147"/>
    </row>
    <row r="60" spans="2:6" s="4" customFormat="1" ht="29.25" customHeight="1" x14ac:dyDescent="0.25">
      <c r="B60" s="62" t="s">
        <v>143</v>
      </c>
      <c r="C60" s="52" t="s">
        <v>144</v>
      </c>
      <c r="D60" s="42"/>
      <c r="E60" s="146"/>
      <c r="F60" s="147"/>
    </row>
    <row r="61" spans="2:6" s="4" customFormat="1" ht="29.25" customHeight="1" x14ac:dyDescent="0.25">
      <c r="B61" s="62" t="s">
        <v>145</v>
      </c>
      <c r="C61" s="52" t="s">
        <v>146</v>
      </c>
      <c r="D61" s="42"/>
      <c r="E61" s="146"/>
      <c r="F61" s="147"/>
    </row>
    <row r="62" spans="2:6" s="4" customFormat="1" ht="29.25" customHeight="1" x14ac:dyDescent="0.25">
      <c r="B62" s="62" t="s">
        <v>147</v>
      </c>
      <c r="C62" s="80" t="s">
        <v>148</v>
      </c>
      <c r="D62" s="42"/>
      <c r="E62" s="146"/>
      <c r="F62" s="147"/>
    </row>
    <row r="63" spans="2:6" s="4" customFormat="1" ht="29.25" customHeight="1" x14ac:dyDescent="0.25">
      <c r="B63" s="62" t="s">
        <v>149</v>
      </c>
      <c r="C63" s="52" t="s">
        <v>150</v>
      </c>
      <c r="D63" s="42"/>
      <c r="E63" s="146"/>
      <c r="F63" s="147"/>
    </row>
    <row r="64" spans="2:6" s="4" customFormat="1" ht="29.25" customHeight="1" x14ac:dyDescent="0.25">
      <c r="B64" s="62" t="s">
        <v>151</v>
      </c>
      <c r="C64" s="52" t="s">
        <v>134</v>
      </c>
      <c r="D64" s="42"/>
      <c r="E64" s="146"/>
      <c r="F64" s="147"/>
    </row>
    <row r="65" spans="2:6" s="4" customFormat="1" ht="29.25" customHeight="1" x14ac:dyDescent="0.25">
      <c r="B65" s="62" t="s">
        <v>152</v>
      </c>
      <c r="C65" s="52" t="s">
        <v>153</v>
      </c>
      <c r="D65" s="42"/>
      <c r="E65" s="146"/>
      <c r="F65" s="147"/>
    </row>
    <row r="66" spans="2:6" s="4" customFormat="1" ht="29.25" customHeight="1" x14ac:dyDescent="0.25">
      <c r="B66" s="62" t="s">
        <v>154</v>
      </c>
      <c r="C66" s="52" t="s">
        <v>155</v>
      </c>
      <c r="D66" s="42"/>
      <c r="E66" s="146"/>
      <c r="F66" s="147"/>
    </row>
    <row r="67" spans="2:6" s="4" customFormat="1" ht="29.25" customHeight="1" x14ac:dyDescent="0.25">
      <c r="B67" s="62" t="s">
        <v>156</v>
      </c>
      <c r="C67" s="80" t="s">
        <v>157</v>
      </c>
      <c r="D67" s="42"/>
      <c r="E67" s="146"/>
      <c r="F67" s="147"/>
    </row>
    <row r="68" spans="2:6" s="4" customFormat="1" ht="29.25" customHeight="1" x14ac:dyDescent="0.25">
      <c r="B68" s="62" t="s">
        <v>158</v>
      </c>
      <c r="C68" s="52" t="s">
        <v>159</v>
      </c>
      <c r="D68" s="42"/>
      <c r="E68" s="148"/>
      <c r="F68" s="149"/>
    </row>
    <row r="69" spans="2:6" s="4" customFormat="1" ht="29.25" customHeight="1" x14ac:dyDescent="0.25">
      <c r="B69" s="62" t="s">
        <v>160</v>
      </c>
      <c r="C69" s="52" t="s">
        <v>161</v>
      </c>
      <c r="D69" s="42"/>
      <c r="E69" s="146"/>
      <c r="F69" s="147"/>
    </row>
    <row r="70" spans="2:6" s="4" customFormat="1" ht="29.25" customHeight="1" x14ac:dyDescent="0.25">
      <c r="B70" s="62" t="s">
        <v>162</v>
      </c>
      <c r="C70" s="52" t="s">
        <v>153</v>
      </c>
      <c r="D70" s="42"/>
      <c r="E70" s="146"/>
      <c r="F70" s="147"/>
    </row>
    <row r="71" spans="2:6" s="4" customFormat="1" ht="29.25" customHeight="1" x14ac:dyDescent="0.25">
      <c r="B71" s="62" t="s">
        <v>163</v>
      </c>
      <c r="C71" s="52" t="s">
        <v>164</v>
      </c>
      <c r="D71" s="42"/>
      <c r="E71" s="148"/>
      <c r="F71" s="149"/>
    </row>
    <row r="72" spans="2:6" s="4" customFormat="1" ht="29.25" customHeight="1" x14ac:dyDescent="0.25">
      <c r="B72" s="62" t="s">
        <v>165</v>
      </c>
      <c r="C72" s="80" t="s">
        <v>166</v>
      </c>
      <c r="D72" s="42"/>
      <c r="E72" s="148"/>
      <c r="F72" s="149"/>
    </row>
    <row r="73" spans="2:6" s="4" customFormat="1" ht="29.25" customHeight="1" x14ac:dyDescent="0.25">
      <c r="B73" s="62" t="s">
        <v>167</v>
      </c>
      <c r="C73" s="52" t="s">
        <v>168</v>
      </c>
      <c r="D73" s="42"/>
      <c r="E73" s="148"/>
      <c r="F73" s="149"/>
    </row>
    <row r="74" spans="2:6" s="4" customFormat="1" ht="29.25" customHeight="1" x14ac:dyDescent="0.25">
      <c r="B74" s="62" t="s">
        <v>169</v>
      </c>
      <c r="C74" s="52" t="s">
        <v>134</v>
      </c>
      <c r="D74" s="42"/>
      <c r="E74" s="148"/>
      <c r="F74" s="149"/>
    </row>
    <row r="75" spans="2:6" s="4" customFormat="1" ht="29.25" customHeight="1" x14ac:dyDescent="0.25">
      <c r="B75" s="62" t="s">
        <v>170</v>
      </c>
      <c r="C75" s="59" t="s">
        <v>171</v>
      </c>
      <c r="D75" s="60"/>
      <c r="E75" s="148"/>
      <c r="F75" s="149"/>
    </row>
    <row r="76" spans="2:6" s="4" customFormat="1" ht="29.25" customHeight="1" x14ac:dyDescent="0.25">
      <c r="B76" s="62" t="s">
        <v>172</v>
      </c>
      <c r="C76" s="59" t="s">
        <v>153</v>
      </c>
      <c r="D76" s="60"/>
      <c r="E76" s="148"/>
      <c r="F76" s="149"/>
    </row>
    <row r="77" spans="2:6" s="4" customFormat="1" ht="29.25" customHeight="1" x14ac:dyDescent="0.25">
      <c r="B77" s="62" t="s">
        <v>173</v>
      </c>
      <c r="C77" s="59" t="s">
        <v>174</v>
      </c>
      <c r="D77" s="60"/>
      <c r="E77" s="148"/>
      <c r="F77" s="149"/>
    </row>
    <row r="78" spans="2:6" s="4" customFormat="1" ht="29.25" customHeight="1" x14ac:dyDescent="0.25">
      <c r="B78" s="62" t="s">
        <v>175</v>
      </c>
      <c r="C78" s="59" t="s">
        <v>176</v>
      </c>
      <c r="D78" s="60"/>
      <c r="E78" s="148"/>
      <c r="F78" s="149"/>
    </row>
    <row r="79" spans="2:6" s="4" customFormat="1" ht="29.25" customHeight="1" x14ac:dyDescent="0.25">
      <c r="B79" s="62" t="s">
        <v>177</v>
      </c>
      <c r="C79" s="59" t="s">
        <v>178</v>
      </c>
      <c r="D79" s="60"/>
      <c r="E79" s="148"/>
      <c r="F79" s="149"/>
    </row>
    <row r="80" spans="2:6" s="4" customFormat="1" ht="29.25" customHeight="1" thickBot="1" x14ac:dyDescent="0.3">
      <c r="B80" s="62" t="s">
        <v>179</v>
      </c>
      <c r="C80" s="80" t="s">
        <v>180</v>
      </c>
      <c r="D80" s="50"/>
      <c r="E80" s="148"/>
      <c r="F80" s="149"/>
    </row>
    <row r="81" spans="2:6" s="4" customFormat="1" ht="29.25" customHeight="1" x14ac:dyDescent="0.25">
      <c r="B81" s="89" t="s">
        <v>181</v>
      </c>
      <c r="C81" s="59" t="s">
        <v>182</v>
      </c>
      <c r="D81" s="60"/>
      <c r="E81" s="108"/>
      <c r="F81" s="109"/>
    </row>
    <row r="82" spans="2:6" s="4" customFormat="1" ht="29.25" customHeight="1" x14ac:dyDescent="0.25">
      <c r="B82" s="89" t="s">
        <v>183</v>
      </c>
      <c r="C82" s="84" t="s">
        <v>134</v>
      </c>
      <c r="D82" s="60"/>
      <c r="E82" s="146"/>
      <c r="F82" s="147"/>
    </row>
    <row r="83" spans="2:6" s="4" customFormat="1" ht="29.25" customHeight="1" x14ac:dyDescent="0.25">
      <c r="B83" s="87" t="s">
        <v>184</v>
      </c>
      <c r="C83" s="84" t="s">
        <v>153</v>
      </c>
      <c r="D83" s="83"/>
      <c r="E83" s="85"/>
      <c r="F83" s="86"/>
    </row>
    <row r="84" spans="2:6" s="4" customFormat="1" ht="29.25" customHeight="1" x14ac:dyDescent="0.25">
      <c r="B84" s="87" t="s">
        <v>185</v>
      </c>
      <c r="C84" s="81" t="s">
        <v>186</v>
      </c>
      <c r="D84" s="83"/>
      <c r="E84" s="148"/>
      <c r="F84" s="149"/>
    </row>
    <row r="85" spans="2:6" s="4" customFormat="1" ht="29.25" customHeight="1" x14ac:dyDescent="0.25">
      <c r="B85" s="87" t="s">
        <v>187</v>
      </c>
      <c r="C85" s="110" t="s">
        <v>188</v>
      </c>
      <c r="D85" s="83"/>
      <c r="E85" s="148"/>
      <c r="F85" s="149"/>
    </row>
    <row r="86" spans="2:6" s="4" customFormat="1" ht="29.25" customHeight="1" x14ac:dyDescent="0.25">
      <c r="B86" s="87" t="s">
        <v>189</v>
      </c>
      <c r="C86" s="81" t="s">
        <v>190</v>
      </c>
      <c r="D86" s="83"/>
      <c r="E86" s="148"/>
      <c r="F86" s="149"/>
    </row>
    <row r="87" spans="2:6" s="4" customFormat="1" ht="29.25" customHeight="1" x14ac:dyDescent="0.25">
      <c r="B87" s="87" t="s">
        <v>191</v>
      </c>
      <c r="C87" s="81" t="s">
        <v>192</v>
      </c>
      <c r="D87" s="83"/>
      <c r="E87" s="148"/>
      <c r="F87" s="149"/>
    </row>
    <row r="88" spans="2:6" s="4" customFormat="1" ht="29.25" customHeight="1" x14ac:dyDescent="0.25">
      <c r="B88" s="87" t="s">
        <v>193</v>
      </c>
      <c r="C88" s="81" t="s">
        <v>194</v>
      </c>
      <c r="D88" s="83"/>
      <c r="E88" s="148"/>
      <c r="F88" s="149"/>
    </row>
    <row r="89" spans="2:6" s="4" customFormat="1" ht="29.25" customHeight="1" x14ac:dyDescent="0.25">
      <c r="B89" s="87" t="s">
        <v>195</v>
      </c>
      <c r="C89" s="77" t="s">
        <v>196</v>
      </c>
      <c r="D89" s="83"/>
      <c r="E89" s="148"/>
      <c r="F89" s="149"/>
    </row>
    <row r="90" spans="2:6" s="4" customFormat="1" ht="29.25" customHeight="1" x14ac:dyDescent="0.25">
      <c r="B90" s="87" t="s">
        <v>197</v>
      </c>
      <c r="C90" s="77" t="s">
        <v>198</v>
      </c>
      <c r="D90" s="83"/>
      <c r="E90" s="148"/>
      <c r="F90" s="149"/>
    </row>
    <row r="91" spans="2:6" s="4" customFormat="1" ht="65.25" customHeight="1" x14ac:dyDescent="0.25">
      <c r="B91" s="111" t="s">
        <v>199</v>
      </c>
      <c r="C91" s="77" t="s">
        <v>240</v>
      </c>
      <c r="D91" s="83"/>
      <c r="E91" s="148"/>
      <c r="F91" s="149"/>
    </row>
    <row r="92" spans="2:6" s="4" customFormat="1" ht="29.25" customHeight="1" x14ac:dyDescent="0.25">
      <c r="B92" s="140" t="s">
        <v>241</v>
      </c>
      <c r="C92" s="141"/>
      <c r="D92" s="141"/>
      <c r="E92" s="141"/>
      <c r="F92" s="142"/>
    </row>
    <row r="93" spans="2:6" s="4" customFormat="1" ht="29.25" customHeight="1" x14ac:dyDescent="0.25">
      <c r="B93" s="112" t="s">
        <v>51</v>
      </c>
      <c r="C93" s="113" t="s">
        <v>242</v>
      </c>
      <c r="D93" s="83"/>
      <c r="E93" s="148"/>
      <c r="F93" s="149"/>
    </row>
    <row r="94" spans="2:6" s="4" customFormat="1" ht="29.25" customHeight="1" x14ac:dyDescent="0.25">
      <c r="B94" s="111" t="s">
        <v>78</v>
      </c>
      <c r="C94" s="113" t="s">
        <v>124</v>
      </c>
      <c r="D94" s="83"/>
      <c r="E94" s="148"/>
      <c r="F94" s="149"/>
    </row>
    <row r="95" spans="2:6" s="4" customFormat="1" ht="29.25" customHeight="1" x14ac:dyDescent="0.25">
      <c r="B95" s="87" t="s">
        <v>79</v>
      </c>
      <c r="C95" s="74" t="s">
        <v>125</v>
      </c>
      <c r="D95" s="83"/>
      <c r="E95" s="148"/>
      <c r="F95" s="149"/>
    </row>
    <row r="96" spans="2:6" s="4" customFormat="1" ht="29.25" customHeight="1" x14ac:dyDescent="0.25">
      <c r="B96" s="87" t="s">
        <v>80</v>
      </c>
      <c r="C96" s="74" t="s">
        <v>126</v>
      </c>
      <c r="D96" s="83"/>
      <c r="E96" s="148"/>
      <c r="F96" s="149"/>
    </row>
    <row r="97" spans="2:6" s="4" customFormat="1" ht="29.25" customHeight="1" x14ac:dyDescent="0.25">
      <c r="B97" s="87" t="s">
        <v>81</v>
      </c>
      <c r="C97" s="74" t="s">
        <v>127</v>
      </c>
      <c r="D97" s="83"/>
      <c r="E97" s="148"/>
      <c r="F97" s="149"/>
    </row>
    <row r="98" spans="2:6" s="4" customFormat="1" ht="29.25" customHeight="1" x14ac:dyDescent="0.25">
      <c r="B98" s="87" t="s">
        <v>82</v>
      </c>
      <c r="C98" s="74" t="s">
        <v>128</v>
      </c>
      <c r="D98" s="83"/>
      <c r="E98" s="148"/>
      <c r="F98" s="149"/>
    </row>
    <row r="99" spans="2:6" s="4" customFormat="1" ht="29.25" customHeight="1" x14ac:dyDescent="0.25">
      <c r="B99" s="111" t="s">
        <v>83</v>
      </c>
      <c r="C99" s="88" t="s">
        <v>129</v>
      </c>
      <c r="D99" s="83"/>
      <c r="E99" s="148"/>
      <c r="F99" s="149"/>
    </row>
    <row r="100" spans="2:6" s="4" customFormat="1" ht="29.25" customHeight="1" x14ac:dyDescent="0.25">
      <c r="B100" s="87" t="s">
        <v>84</v>
      </c>
      <c r="C100" s="74" t="s">
        <v>130</v>
      </c>
      <c r="D100" s="83"/>
      <c r="E100" s="148"/>
      <c r="F100" s="149"/>
    </row>
    <row r="101" spans="2:6" s="4" customFormat="1" ht="29.25" customHeight="1" x14ac:dyDescent="0.25">
      <c r="B101" s="87" t="s">
        <v>85</v>
      </c>
      <c r="C101" s="74" t="s">
        <v>131</v>
      </c>
      <c r="D101" s="83"/>
      <c r="E101" s="148"/>
      <c r="F101" s="149"/>
    </row>
    <row r="102" spans="2:6" s="4" customFormat="1" ht="29.25" customHeight="1" x14ac:dyDescent="0.25">
      <c r="B102" s="111" t="s">
        <v>86</v>
      </c>
      <c r="C102" s="88" t="s">
        <v>200</v>
      </c>
      <c r="D102" s="83"/>
      <c r="E102" s="148"/>
      <c r="F102" s="149"/>
    </row>
    <row r="103" spans="2:6" s="4" customFormat="1" ht="29.25" customHeight="1" x14ac:dyDescent="0.25">
      <c r="B103" s="87" t="s">
        <v>87</v>
      </c>
      <c r="C103" s="74" t="s">
        <v>133</v>
      </c>
      <c r="D103" s="83"/>
      <c r="E103" s="148"/>
      <c r="F103" s="149"/>
    </row>
    <row r="104" spans="2:6" s="4" customFormat="1" ht="29.25" customHeight="1" x14ac:dyDescent="0.25">
      <c r="B104" s="87" t="s">
        <v>88</v>
      </c>
      <c r="C104" s="74" t="s">
        <v>134</v>
      </c>
      <c r="D104" s="83"/>
      <c r="E104" s="148"/>
      <c r="F104" s="149"/>
    </row>
    <row r="105" spans="2:6" s="4" customFormat="1" ht="29.25" customHeight="1" x14ac:dyDescent="0.25">
      <c r="B105" s="87" t="s">
        <v>89</v>
      </c>
      <c r="C105" s="74" t="s">
        <v>135</v>
      </c>
      <c r="D105" s="83"/>
      <c r="E105" s="148"/>
      <c r="F105" s="149"/>
    </row>
    <row r="106" spans="2:6" s="4" customFormat="1" ht="29.25" customHeight="1" x14ac:dyDescent="0.25">
      <c r="B106" s="87" t="s">
        <v>90</v>
      </c>
      <c r="C106" s="74" t="s">
        <v>201</v>
      </c>
      <c r="D106" s="83"/>
      <c r="E106" s="148"/>
      <c r="F106" s="149"/>
    </row>
    <row r="107" spans="2:6" s="4" customFormat="1" ht="29.25" customHeight="1" x14ac:dyDescent="0.25">
      <c r="B107" s="111" t="s">
        <v>202</v>
      </c>
      <c r="C107" s="88" t="s">
        <v>138</v>
      </c>
      <c r="D107" s="83"/>
      <c r="E107" s="148"/>
      <c r="F107" s="149"/>
    </row>
    <row r="108" spans="2:6" s="4" customFormat="1" ht="29.25" customHeight="1" x14ac:dyDescent="0.25">
      <c r="B108" s="87" t="s">
        <v>203</v>
      </c>
      <c r="C108" s="74" t="s">
        <v>140</v>
      </c>
      <c r="D108" s="83"/>
      <c r="E108" s="148"/>
      <c r="F108" s="149"/>
    </row>
    <row r="109" spans="2:6" s="4" customFormat="1" ht="29.25" customHeight="1" x14ac:dyDescent="0.25">
      <c r="B109" s="87" t="s">
        <v>204</v>
      </c>
      <c r="C109" s="74" t="s">
        <v>134</v>
      </c>
      <c r="D109" s="83"/>
      <c r="E109" s="148"/>
      <c r="F109" s="149"/>
    </row>
    <row r="110" spans="2:6" s="4" customFormat="1" ht="29.25" customHeight="1" x14ac:dyDescent="0.25">
      <c r="B110" s="87" t="s">
        <v>205</v>
      </c>
      <c r="C110" s="74" t="s">
        <v>144</v>
      </c>
      <c r="D110" s="83"/>
      <c r="E110" s="148"/>
      <c r="F110" s="149"/>
    </row>
    <row r="111" spans="2:6" s="4" customFormat="1" ht="29.25" customHeight="1" x14ac:dyDescent="0.25">
      <c r="B111" s="87" t="s">
        <v>206</v>
      </c>
      <c r="C111" s="74" t="s">
        <v>146</v>
      </c>
      <c r="D111" s="83"/>
      <c r="E111" s="148"/>
      <c r="F111" s="149"/>
    </row>
    <row r="112" spans="2:6" s="4" customFormat="1" ht="29.25" customHeight="1" x14ac:dyDescent="0.25">
      <c r="B112" s="111" t="s">
        <v>207</v>
      </c>
      <c r="C112" s="88" t="s">
        <v>148</v>
      </c>
      <c r="D112" s="83"/>
      <c r="E112" s="148"/>
      <c r="F112" s="149"/>
    </row>
    <row r="113" spans="2:6" s="4" customFormat="1" ht="29.25" customHeight="1" x14ac:dyDescent="0.25">
      <c r="B113" s="87" t="s">
        <v>208</v>
      </c>
      <c r="C113" s="74" t="s">
        <v>150</v>
      </c>
      <c r="D113" s="83"/>
      <c r="E113" s="148"/>
      <c r="F113" s="149"/>
    </row>
    <row r="114" spans="2:6" s="4" customFormat="1" ht="29.25" customHeight="1" x14ac:dyDescent="0.25">
      <c r="B114" s="87" t="s">
        <v>209</v>
      </c>
      <c r="C114" s="74" t="s">
        <v>134</v>
      </c>
      <c r="D114" s="83"/>
      <c r="E114" s="148"/>
      <c r="F114" s="149"/>
    </row>
    <row r="115" spans="2:6" s="4" customFormat="1" ht="29.25" customHeight="1" x14ac:dyDescent="0.25">
      <c r="B115" s="87" t="s">
        <v>210</v>
      </c>
      <c r="C115" s="74" t="s">
        <v>153</v>
      </c>
      <c r="D115" s="83"/>
      <c r="E115" s="148"/>
      <c r="F115" s="149"/>
    </row>
    <row r="116" spans="2:6" s="4" customFormat="1" ht="29.25" customHeight="1" x14ac:dyDescent="0.25">
      <c r="B116" s="87" t="s">
        <v>211</v>
      </c>
      <c r="C116" s="74" t="s">
        <v>155</v>
      </c>
      <c r="D116" s="83"/>
      <c r="E116" s="148"/>
      <c r="F116" s="149"/>
    </row>
    <row r="117" spans="2:6" s="4" customFormat="1" ht="29.25" customHeight="1" x14ac:dyDescent="0.25">
      <c r="B117" s="111" t="s">
        <v>212</v>
      </c>
      <c r="C117" s="114" t="s">
        <v>157</v>
      </c>
      <c r="D117" s="60"/>
      <c r="E117" s="148"/>
      <c r="F117" s="149"/>
    </row>
    <row r="118" spans="2:6" s="4" customFormat="1" ht="29.25" customHeight="1" x14ac:dyDescent="0.25">
      <c r="B118" s="87" t="s">
        <v>213</v>
      </c>
      <c r="C118" s="74" t="s">
        <v>159</v>
      </c>
      <c r="D118" s="60"/>
      <c r="E118" s="148"/>
      <c r="F118" s="149"/>
    </row>
    <row r="119" spans="2:6" s="4" customFormat="1" ht="29.25" customHeight="1" x14ac:dyDescent="0.25">
      <c r="B119" s="87" t="s">
        <v>214</v>
      </c>
      <c r="C119" s="74" t="s">
        <v>134</v>
      </c>
      <c r="D119" s="60"/>
      <c r="E119" s="148"/>
      <c r="F119" s="149"/>
    </row>
    <row r="120" spans="2:6" s="4" customFormat="1" ht="29.25" customHeight="1" x14ac:dyDescent="0.25">
      <c r="B120" s="89" t="s">
        <v>215</v>
      </c>
      <c r="C120" s="75" t="s">
        <v>153</v>
      </c>
      <c r="D120" s="60"/>
      <c r="E120" s="146"/>
      <c r="F120" s="147"/>
    </row>
    <row r="121" spans="2:6" s="4" customFormat="1" ht="29.25" customHeight="1" x14ac:dyDescent="0.25">
      <c r="B121" s="89" t="s">
        <v>216</v>
      </c>
      <c r="C121" s="74" t="s">
        <v>164</v>
      </c>
      <c r="D121" s="60"/>
      <c r="E121" s="146"/>
      <c r="F121" s="147"/>
    </row>
    <row r="122" spans="2:6" s="4" customFormat="1" ht="29.25" customHeight="1" x14ac:dyDescent="0.25">
      <c r="B122" s="89" t="s">
        <v>217</v>
      </c>
      <c r="C122" s="88" t="s">
        <v>166</v>
      </c>
      <c r="D122" s="60"/>
      <c r="E122" s="146"/>
      <c r="F122" s="147"/>
    </row>
    <row r="123" spans="2:6" s="4" customFormat="1" ht="29.25" customHeight="1" x14ac:dyDescent="0.25">
      <c r="B123" s="89" t="s">
        <v>218</v>
      </c>
      <c r="C123" s="74" t="s">
        <v>168</v>
      </c>
      <c r="D123" s="60"/>
      <c r="E123" s="146"/>
      <c r="F123" s="147"/>
    </row>
    <row r="124" spans="2:6" s="4" customFormat="1" ht="29.25" customHeight="1" x14ac:dyDescent="0.25">
      <c r="B124" s="89" t="s">
        <v>219</v>
      </c>
      <c r="C124" s="74" t="s">
        <v>134</v>
      </c>
      <c r="D124" s="60"/>
      <c r="E124" s="146"/>
      <c r="F124" s="147"/>
    </row>
    <row r="125" spans="2:6" s="4" customFormat="1" ht="29.25" customHeight="1" x14ac:dyDescent="0.25">
      <c r="B125" s="89" t="s">
        <v>220</v>
      </c>
      <c r="C125" s="74" t="s">
        <v>171</v>
      </c>
      <c r="D125" s="60"/>
      <c r="E125" s="146"/>
      <c r="F125" s="147"/>
    </row>
    <row r="126" spans="2:6" s="4" customFormat="1" ht="29.25" customHeight="1" x14ac:dyDescent="0.25">
      <c r="B126" s="89" t="s">
        <v>221</v>
      </c>
      <c r="C126" s="74" t="s">
        <v>153</v>
      </c>
      <c r="D126" s="60"/>
      <c r="E126" s="146"/>
      <c r="F126" s="147"/>
    </row>
    <row r="127" spans="2:6" s="4" customFormat="1" ht="29.25" customHeight="1" x14ac:dyDescent="0.25">
      <c r="B127" s="89" t="s">
        <v>222</v>
      </c>
      <c r="C127" s="74" t="s">
        <v>174</v>
      </c>
      <c r="D127" s="60"/>
      <c r="E127" s="146"/>
      <c r="F127" s="147"/>
    </row>
    <row r="128" spans="2:6" s="4" customFormat="1" ht="29.25" customHeight="1" x14ac:dyDescent="0.25">
      <c r="B128" s="89" t="s">
        <v>223</v>
      </c>
      <c r="C128" s="74" t="s">
        <v>176</v>
      </c>
      <c r="D128" s="60"/>
      <c r="E128" s="146"/>
      <c r="F128" s="147"/>
    </row>
    <row r="129" spans="2:6" s="4" customFormat="1" ht="29.25" customHeight="1" x14ac:dyDescent="0.25">
      <c r="B129" s="89" t="s">
        <v>224</v>
      </c>
      <c r="C129" s="74" t="s">
        <v>178</v>
      </c>
      <c r="D129" s="60"/>
      <c r="E129" s="146"/>
      <c r="F129" s="147"/>
    </row>
    <row r="130" spans="2:6" s="4" customFormat="1" ht="29.25" customHeight="1" x14ac:dyDescent="0.25">
      <c r="B130" s="89" t="s">
        <v>225</v>
      </c>
      <c r="C130" s="88" t="s">
        <v>226</v>
      </c>
      <c r="D130" s="60"/>
      <c r="E130" s="146"/>
      <c r="F130" s="147"/>
    </row>
    <row r="131" spans="2:6" s="4" customFormat="1" ht="29.25" customHeight="1" x14ac:dyDescent="0.25">
      <c r="B131" s="89" t="s">
        <v>227</v>
      </c>
      <c r="C131" s="74" t="s">
        <v>228</v>
      </c>
      <c r="D131" s="60"/>
      <c r="E131" s="146"/>
      <c r="F131" s="147"/>
    </row>
    <row r="132" spans="2:6" s="4" customFormat="1" ht="29.25" customHeight="1" x14ac:dyDescent="0.25">
      <c r="B132" s="89" t="s">
        <v>229</v>
      </c>
      <c r="C132" s="74" t="s">
        <v>230</v>
      </c>
      <c r="D132" s="60"/>
      <c r="E132" s="146"/>
      <c r="F132" s="147"/>
    </row>
    <row r="133" spans="2:6" s="4" customFormat="1" ht="29.25" customHeight="1" x14ac:dyDescent="0.25">
      <c r="B133" s="89" t="s">
        <v>231</v>
      </c>
      <c r="C133" s="74" t="s">
        <v>232</v>
      </c>
      <c r="D133" s="60"/>
      <c r="E133" s="146"/>
      <c r="F133" s="147"/>
    </row>
    <row r="134" spans="2:6" s="4" customFormat="1" ht="29.25" customHeight="1" x14ac:dyDescent="0.25">
      <c r="B134" s="89" t="s">
        <v>233</v>
      </c>
      <c r="C134" s="88" t="s">
        <v>188</v>
      </c>
      <c r="D134" s="60"/>
      <c r="E134" s="146"/>
      <c r="F134" s="147"/>
    </row>
    <row r="135" spans="2:6" s="4" customFormat="1" ht="29.25" customHeight="1" x14ac:dyDescent="0.25">
      <c r="B135" s="89" t="s">
        <v>234</v>
      </c>
      <c r="C135" s="74" t="s">
        <v>190</v>
      </c>
      <c r="D135" s="60"/>
      <c r="E135" s="146"/>
      <c r="F135" s="147"/>
    </row>
    <row r="136" spans="2:6" s="4" customFormat="1" ht="29.25" customHeight="1" x14ac:dyDescent="0.25">
      <c r="B136" s="89" t="s">
        <v>235</v>
      </c>
      <c r="C136" s="74" t="s">
        <v>192</v>
      </c>
      <c r="D136" s="60"/>
      <c r="E136" s="146"/>
      <c r="F136" s="147"/>
    </row>
    <row r="137" spans="2:6" s="4" customFormat="1" ht="29.25" customHeight="1" x14ac:dyDescent="0.25">
      <c r="B137" s="89" t="s">
        <v>236</v>
      </c>
      <c r="C137" s="74" t="s">
        <v>194</v>
      </c>
      <c r="D137" s="60"/>
      <c r="E137" s="146"/>
      <c r="F137" s="147"/>
    </row>
    <row r="138" spans="2:6" s="4" customFormat="1" ht="29.25" customHeight="1" x14ac:dyDescent="0.25">
      <c r="B138" s="89" t="s">
        <v>237</v>
      </c>
      <c r="C138" s="74" t="s">
        <v>196</v>
      </c>
      <c r="D138" s="60"/>
      <c r="E138" s="146"/>
      <c r="F138" s="147"/>
    </row>
    <row r="139" spans="2:6" s="4" customFormat="1" ht="29.25" customHeight="1" x14ac:dyDescent="0.25">
      <c r="B139" s="89" t="s">
        <v>238</v>
      </c>
      <c r="C139" s="74" t="s">
        <v>198</v>
      </c>
      <c r="D139" s="60"/>
      <c r="E139" s="146"/>
      <c r="F139" s="147"/>
    </row>
    <row r="140" spans="2:6" s="4" customFormat="1" ht="56.25" customHeight="1" x14ac:dyDescent="0.25">
      <c r="B140" s="58" t="s">
        <v>239</v>
      </c>
      <c r="C140" s="74" t="s">
        <v>240</v>
      </c>
      <c r="D140" s="60"/>
      <c r="E140" s="146"/>
      <c r="F140" s="147"/>
    </row>
    <row r="141" spans="2:6" s="4" customFormat="1" ht="29.25" customHeight="1" x14ac:dyDescent="0.25">
      <c r="B141" s="140" t="s">
        <v>244</v>
      </c>
      <c r="C141" s="141"/>
      <c r="D141" s="141"/>
      <c r="E141" s="141"/>
      <c r="F141" s="142"/>
    </row>
    <row r="142" spans="2:6" s="4" customFormat="1" ht="29.25" customHeight="1" x14ac:dyDescent="0.25">
      <c r="B142" s="82" t="s">
        <v>52</v>
      </c>
      <c r="C142" s="88" t="s">
        <v>285</v>
      </c>
      <c r="D142" s="60"/>
      <c r="E142" s="146"/>
      <c r="F142" s="147"/>
    </row>
    <row r="143" spans="2:6" s="4" customFormat="1" ht="29.25" customHeight="1" x14ac:dyDescent="0.25">
      <c r="B143" s="58" t="s">
        <v>91</v>
      </c>
      <c r="C143" s="88" t="s">
        <v>124</v>
      </c>
      <c r="D143" s="60"/>
      <c r="E143" s="146"/>
      <c r="F143" s="147"/>
    </row>
    <row r="144" spans="2:6" s="4" customFormat="1" ht="29.25" customHeight="1" x14ac:dyDescent="0.25">
      <c r="B144" s="89" t="s">
        <v>93</v>
      </c>
      <c r="C144" s="74" t="s">
        <v>125</v>
      </c>
      <c r="D144" s="60"/>
      <c r="E144" s="146"/>
      <c r="F144" s="147"/>
    </row>
    <row r="145" spans="2:6" s="4" customFormat="1" ht="29.25" customHeight="1" x14ac:dyDescent="0.25">
      <c r="B145" s="89" t="s">
        <v>95</v>
      </c>
      <c r="C145" s="74" t="s">
        <v>126</v>
      </c>
      <c r="D145" s="60"/>
      <c r="E145" s="146"/>
      <c r="F145" s="147"/>
    </row>
    <row r="146" spans="2:6" s="4" customFormat="1" ht="29.25" customHeight="1" x14ac:dyDescent="0.25">
      <c r="B146" s="89" t="s">
        <v>96</v>
      </c>
      <c r="C146" s="74" t="s">
        <v>127</v>
      </c>
      <c r="D146" s="60"/>
      <c r="E146" s="146"/>
      <c r="F146" s="147"/>
    </row>
    <row r="147" spans="2:6" s="4" customFormat="1" ht="29.25" customHeight="1" x14ac:dyDescent="0.25">
      <c r="B147" s="89" t="s">
        <v>97</v>
      </c>
      <c r="C147" s="74" t="s">
        <v>128</v>
      </c>
      <c r="D147" s="60"/>
      <c r="E147" s="146"/>
      <c r="F147" s="147"/>
    </row>
    <row r="148" spans="2:6" s="4" customFormat="1" ht="29.25" customHeight="1" x14ac:dyDescent="0.25">
      <c r="B148" s="58" t="s">
        <v>92</v>
      </c>
      <c r="C148" s="88" t="s">
        <v>129</v>
      </c>
      <c r="D148" s="60"/>
      <c r="E148" s="146"/>
      <c r="F148" s="147"/>
    </row>
    <row r="149" spans="2:6" s="4" customFormat="1" ht="29.25" customHeight="1" x14ac:dyDescent="0.25">
      <c r="B149" s="89" t="s">
        <v>98</v>
      </c>
      <c r="C149" s="74" t="s">
        <v>130</v>
      </c>
      <c r="D149" s="60"/>
      <c r="E149" s="146"/>
      <c r="F149" s="147"/>
    </row>
    <row r="150" spans="2:6" s="4" customFormat="1" ht="29.25" customHeight="1" x14ac:dyDescent="0.25">
      <c r="B150" s="89" t="s">
        <v>99</v>
      </c>
      <c r="C150" s="74" t="s">
        <v>131</v>
      </c>
      <c r="D150" s="60"/>
      <c r="E150" s="146"/>
      <c r="F150" s="147"/>
    </row>
    <row r="151" spans="2:6" s="4" customFormat="1" ht="29.25" customHeight="1" x14ac:dyDescent="0.25">
      <c r="B151" s="58" t="s">
        <v>94</v>
      </c>
      <c r="C151" s="88" t="s">
        <v>245</v>
      </c>
      <c r="D151" s="60"/>
      <c r="E151" s="146"/>
      <c r="F151" s="147"/>
    </row>
    <row r="152" spans="2:6" s="4" customFormat="1" ht="29.25" customHeight="1" x14ac:dyDescent="0.25">
      <c r="B152" s="89" t="s">
        <v>100</v>
      </c>
      <c r="C152" s="74" t="s">
        <v>140</v>
      </c>
      <c r="D152" s="60"/>
      <c r="E152" s="146"/>
      <c r="F152" s="147"/>
    </row>
    <row r="153" spans="2:6" s="4" customFormat="1" ht="29.25" customHeight="1" x14ac:dyDescent="0.25">
      <c r="B153" s="89" t="s">
        <v>101</v>
      </c>
      <c r="C153" s="74" t="s">
        <v>134</v>
      </c>
      <c r="D153" s="60"/>
      <c r="E153" s="146"/>
      <c r="F153" s="147"/>
    </row>
    <row r="154" spans="2:6" s="4" customFormat="1" ht="29.25" customHeight="1" x14ac:dyDescent="0.25">
      <c r="B154" s="89" t="s">
        <v>102</v>
      </c>
      <c r="C154" s="74" t="s">
        <v>144</v>
      </c>
      <c r="D154" s="60"/>
      <c r="E154" s="146"/>
      <c r="F154" s="147"/>
    </row>
    <row r="155" spans="2:6" s="4" customFormat="1" ht="29.25" customHeight="1" x14ac:dyDescent="0.25">
      <c r="B155" s="89" t="s">
        <v>103</v>
      </c>
      <c r="C155" s="74" t="s">
        <v>146</v>
      </c>
      <c r="D155" s="60"/>
      <c r="E155" s="146"/>
      <c r="F155" s="147"/>
    </row>
    <row r="156" spans="2:6" s="4" customFormat="1" ht="29.25" customHeight="1" x14ac:dyDescent="0.25">
      <c r="B156" s="58" t="s">
        <v>246</v>
      </c>
      <c r="C156" s="88" t="s">
        <v>148</v>
      </c>
      <c r="D156" s="60"/>
      <c r="E156" s="146"/>
      <c r="F156" s="147"/>
    </row>
    <row r="157" spans="2:6" s="4" customFormat="1" ht="29.25" customHeight="1" x14ac:dyDescent="0.25">
      <c r="B157" s="89" t="s">
        <v>247</v>
      </c>
      <c r="C157" s="74" t="s">
        <v>150</v>
      </c>
      <c r="D157" s="60"/>
      <c r="E157" s="146"/>
      <c r="F157" s="147"/>
    </row>
    <row r="158" spans="2:6" s="4" customFormat="1" ht="29.25" customHeight="1" x14ac:dyDescent="0.25">
      <c r="B158" s="62" t="s">
        <v>248</v>
      </c>
      <c r="C158" s="61" t="s">
        <v>134</v>
      </c>
      <c r="D158" s="98"/>
      <c r="E158" s="99"/>
      <c r="F158" s="100"/>
    </row>
    <row r="159" spans="2:6" s="4" customFormat="1" ht="29.25" customHeight="1" x14ac:dyDescent="0.25">
      <c r="B159" s="62" t="s">
        <v>249</v>
      </c>
      <c r="C159" s="61" t="s">
        <v>250</v>
      </c>
      <c r="D159" s="98"/>
      <c r="E159" s="99"/>
      <c r="F159" s="100"/>
    </row>
    <row r="160" spans="2:6" s="4" customFormat="1" ht="29.25" customHeight="1" x14ac:dyDescent="0.25">
      <c r="B160" s="62" t="s">
        <v>251</v>
      </c>
      <c r="C160" s="61" t="s">
        <v>155</v>
      </c>
      <c r="D160" s="98"/>
      <c r="E160" s="99"/>
      <c r="F160" s="100"/>
    </row>
    <row r="161" spans="2:6" s="4" customFormat="1" ht="29.25" customHeight="1" x14ac:dyDescent="0.25">
      <c r="B161" s="101" t="s">
        <v>252</v>
      </c>
      <c r="C161" s="114" t="s">
        <v>253</v>
      </c>
      <c r="D161" s="98"/>
      <c r="E161" s="99"/>
      <c r="F161" s="100"/>
    </row>
    <row r="162" spans="2:6" s="4" customFormat="1" ht="29.25" customHeight="1" x14ac:dyDescent="0.25">
      <c r="B162" s="62" t="s">
        <v>254</v>
      </c>
      <c r="C162" s="61" t="s">
        <v>159</v>
      </c>
      <c r="D162" s="98"/>
      <c r="E162" s="99"/>
      <c r="F162" s="100"/>
    </row>
    <row r="163" spans="2:6" s="4" customFormat="1" ht="29.25" customHeight="1" x14ac:dyDescent="0.25">
      <c r="B163" s="62" t="s">
        <v>255</v>
      </c>
      <c r="C163" s="61" t="s">
        <v>134</v>
      </c>
      <c r="D163" s="98"/>
      <c r="E163" s="99"/>
      <c r="F163" s="100"/>
    </row>
    <row r="164" spans="2:6" s="4" customFormat="1" ht="29.25" customHeight="1" x14ac:dyDescent="0.25">
      <c r="B164" s="89" t="s">
        <v>256</v>
      </c>
      <c r="C164" s="74" t="s">
        <v>153</v>
      </c>
      <c r="D164" s="60"/>
      <c r="E164" s="146"/>
      <c r="F164" s="147"/>
    </row>
    <row r="165" spans="2:6" s="4" customFormat="1" ht="29.25" customHeight="1" x14ac:dyDescent="0.25">
      <c r="B165" s="89" t="s">
        <v>257</v>
      </c>
      <c r="C165" s="74" t="s">
        <v>164</v>
      </c>
      <c r="D165" s="60"/>
      <c r="E165" s="146"/>
      <c r="F165" s="147"/>
    </row>
    <row r="166" spans="2:6" s="4" customFormat="1" ht="29.25" customHeight="1" x14ac:dyDescent="0.25">
      <c r="B166" s="58" t="s">
        <v>258</v>
      </c>
      <c r="C166" s="88" t="s">
        <v>443</v>
      </c>
      <c r="D166" s="60"/>
      <c r="E166" s="146"/>
      <c r="F166" s="147"/>
    </row>
    <row r="167" spans="2:6" s="4" customFormat="1" ht="29.25" customHeight="1" x14ac:dyDescent="0.25">
      <c r="B167" s="89" t="s">
        <v>259</v>
      </c>
      <c r="C167" s="74" t="s">
        <v>168</v>
      </c>
      <c r="D167" s="60"/>
      <c r="E167" s="146"/>
      <c r="F167" s="147"/>
    </row>
    <row r="168" spans="2:6" s="4" customFormat="1" ht="29.25" customHeight="1" x14ac:dyDescent="0.25">
      <c r="B168" s="89" t="s">
        <v>260</v>
      </c>
      <c r="C168" s="74" t="s">
        <v>134</v>
      </c>
      <c r="D168" s="60"/>
      <c r="E168" s="146"/>
      <c r="F168" s="147"/>
    </row>
    <row r="169" spans="2:6" s="4" customFormat="1" ht="29.25" customHeight="1" x14ac:dyDescent="0.25">
      <c r="B169" s="89" t="s">
        <v>261</v>
      </c>
      <c r="C169" s="74" t="s">
        <v>171</v>
      </c>
      <c r="D169" s="60"/>
      <c r="E169" s="146"/>
      <c r="F169" s="147"/>
    </row>
    <row r="170" spans="2:6" s="4" customFormat="1" ht="29.25" customHeight="1" x14ac:dyDescent="0.25">
      <c r="B170" s="89" t="s">
        <v>262</v>
      </c>
      <c r="C170" s="74" t="s">
        <v>153</v>
      </c>
      <c r="D170" s="60"/>
      <c r="E170" s="146"/>
      <c r="F170" s="147"/>
    </row>
    <row r="171" spans="2:6" s="4" customFormat="1" ht="29.25" customHeight="1" x14ac:dyDescent="0.25">
      <c r="B171" s="89" t="s">
        <v>263</v>
      </c>
      <c r="C171" s="74" t="s">
        <v>174</v>
      </c>
      <c r="D171" s="60"/>
      <c r="E171" s="146"/>
      <c r="F171" s="147"/>
    </row>
    <row r="172" spans="2:6" s="4" customFormat="1" ht="29.25" customHeight="1" x14ac:dyDescent="0.25">
      <c r="B172" s="89" t="s">
        <v>264</v>
      </c>
      <c r="C172" s="74" t="s">
        <v>176</v>
      </c>
      <c r="D172" s="60"/>
      <c r="E172" s="146"/>
      <c r="F172" s="147"/>
    </row>
    <row r="173" spans="2:6" s="4" customFormat="1" ht="29.25" customHeight="1" x14ac:dyDescent="0.25">
      <c r="B173" s="89" t="s">
        <v>265</v>
      </c>
      <c r="C173" s="74" t="s">
        <v>178</v>
      </c>
      <c r="D173" s="60"/>
      <c r="E173" s="146"/>
      <c r="F173" s="147"/>
    </row>
    <row r="174" spans="2:6" s="4" customFormat="1" ht="29.25" customHeight="1" x14ac:dyDescent="0.25">
      <c r="B174" s="58" t="s">
        <v>266</v>
      </c>
      <c r="C174" s="204" t="s">
        <v>267</v>
      </c>
      <c r="D174" s="205"/>
      <c r="E174" s="205"/>
      <c r="F174" s="206"/>
    </row>
    <row r="175" spans="2:6" s="4" customFormat="1" ht="29.25" customHeight="1" x14ac:dyDescent="0.25">
      <c r="B175" s="89" t="s">
        <v>268</v>
      </c>
      <c r="C175" s="74" t="s">
        <v>182</v>
      </c>
      <c r="D175" s="60"/>
      <c r="E175" s="146"/>
      <c r="F175" s="147"/>
    </row>
    <row r="176" spans="2:6" s="4" customFormat="1" ht="29.25" customHeight="1" x14ac:dyDescent="0.25">
      <c r="B176" s="89" t="s">
        <v>269</v>
      </c>
      <c r="C176" s="74" t="s">
        <v>134</v>
      </c>
      <c r="D176" s="60"/>
      <c r="E176" s="146"/>
      <c r="F176" s="147"/>
    </row>
    <row r="177" spans="2:6" s="4" customFormat="1" ht="29.25" customHeight="1" x14ac:dyDescent="0.25">
      <c r="B177" s="89" t="s">
        <v>270</v>
      </c>
      <c r="C177" s="74" t="s">
        <v>153</v>
      </c>
      <c r="D177" s="60"/>
      <c r="E177" s="146"/>
      <c r="F177" s="147"/>
    </row>
    <row r="178" spans="2:6" s="4" customFormat="1" ht="29.25" customHeight="1" x14ac:dyDescent="0.25">
      <c r="B178" s="89" t="s">
        <v>271</v>
      </c>
      <c r="C178" s="74" t="s">
        <v>186</v>
      </c>
      <c r="D178" s="60"/>
      <c r="E178" s="146"/>
      <c r="F178" s="147"/>
    </row>
    <row r="179" spans="2:6" s="4" customFormat="1" ht="29.25" customHeight="1" x14ac:dyDescent="0.25">
      <c r="B179" s="58" t="s">
        <v>272</v>
      </c>
      <c r="C179" s="88" t="s">
        <v>273</v>
      </c>
      <c r="D179" s="60"/>
      <c r="E179" s="146"/>
      <c r="F179" s="147"/>
    </row>
    <row r="180" spans="2:6" s="4" customFormat="1" ht="29.25" customHeight="1" x14ac:dyDescent="0.25">
      <c r="B180" s="89" t="s">
        <v>274</v>
      </c>
      <c r="C180" s="74" t="s">
        <v>228</v>
      </c>
      <c r="D180" s="60"/>
      <c r="E180" s="146"/>
      <c r="F180" s="147"/>
    </row>
    <row r="181" spans="2:6" s="4" customFormat="1" ht="29.25" customHeight="1" x14ac:dyDescent="0.25">
      <c r="B181" s="89" t="s">
        <v>275</v>
      </c>
      <c r="C181" s="74" t="s">
        <v>134</v>
      </c>
      <c r="D181" s="60"/>
      <c r="E181" s="146"/>
      <c r="F181" s="147"/>
    </row>
    <row r="182" spans="2:6" s="4" customFormat="1" ht="29.25" customHeight="1" x14ac:dyDescent="0.25">
      <c r="B182" s="89" t="s">
        <v>276</v>
      </c>
      <c r="C182" s="74" t="s">
        <v>277</v>
      </c>
      <c r="D182" s="60"/>
      <c r="E182" s="146"/>
      <c r="F182" s="147"/>
    </row>
    <row r="183" spans="2:6" s="4" customFormat="1" ht="29.25" customHeight="1" x14ac:dyDescent="0.25">
      <c r="B183" s="58" t="s">
        <v>278</v>
      </c>
      <c r="C183" s="88" t="s">
        <v>279</v>
      </c>
      <c r="D183" s="60"/>
      <c r="E183" s="146"/>
      <c r="F183" s="147"/>
    </row>
    <row r="184" spans="2:6" s="4" customFormat="1" ht="29.25" customHeight="1" x14ac:dyDescent="0.25">
      <c r="B184" s="89" t="s">
        <v>280</v>
      </c>
      <c r="C184" s="74" t="s">
        <v>190</v>
      </c>
      <c r="D184" s="60"/>
      <c r="E184" s="146"/>
      <c r="F184" s="147"/>
    </row>
    <row r="185" spans="2:6" s="4" customFormat="1" ht="29.25" customHeight="1" x14ac:dyDescent="0.25">
      <c r="B185" s="89" t="s">
        <v>281</v>
      </c>
      <c r="C185" s="74" t="s">
        <v>192</v>
      </c>
      <c r="D185" s="60"/>
      <c r="E185" s="146"/>
      <c r="F185" s="147"/>
    </row>
    <row r="186" spans="2:6" s="4" customFormat="1" ht="29.25" customHeight="1" x14ac:dyDescent="0.25">
      <c r="B186" s="89" t="s">
        <v>282</v>
      </c>
      <c r="C186" s="74" t="s">
        <v>194</v>
      </c>
      <c r="D186" s="60"/>
      <c r="E186" s="146"/>
      <c r="F186" s="147"/>
    </row>
    <row r="187" spans="2:6" s="4" customFormat="1" ht="29.25" customHeight="1" x14ac:dyDescent="0.25">
      <c r="B187" s="89" t="s">
        <v>283</v>
      </c>
      <c r="C187" s="74" t="s">
        <v>196</v>
      </c>
      <c r="D187" s="60"/>
      <c r="E187" s="146"/>
      <c r="F187" s="147"/>
    </row>
    <row r="188" spans="2:6" s="4" customFormat="1" ht="58.5" customHeight="1" x14ac:dyDescent="0.25">
      <c r="B188" s="58" t="s">
        <v>284</v>
      </c>
      <c r="C188" s="74" t="s">
        <v>240</v>
      </c>
      <c r="D188" s="60"/>
      <c r="E188" s="146"/>
      <c r="F188" s="147"/>
    </row>
    <row r="189" spans="2:6" s="4" customFormat="1" ht="29.25" customHeight="1" x14ac:dyDescent="0.25">
      <c r="B189" s="140" t="s">
        <v>286</v>
      </c>
      <c r="C189" s="141"/>
      <c r="D189" s="141"/>
      <c r="E189" s="141"/>
      <c r="F189" s="142"/>
    </row>
    <row r="190" spans="2:6" s="4" customFormat="1" ht="29.25" customHeight="1" x14ac:dyDescent="0.25">
      <c r="B190" s="82" t="s">
        <v>53</v>
      </c>
      <c r="C190" s="88" t="s">
        <v>287</v>
      </c>
      <c r="D190" s="60"/>
      <c r="E190" s="146"/>
      <c r="F190" s="147"/>
    </row>
    <row r="191" spans="2:6" s="4" customFormat="1" ht="29.25" customHeight="1" x14ac:dyDescent="0.25">
      <c r="B191" s="89" t="s">
        <v>104</v>
      </c>
      <c r="C191" s="88" t="s">
        <v>124</v>
      </c>
      <c r="D191" s="60"/>
      <c r="E191" s="146"/>
      <c r="F191" s="147"/>
    </row>
    <row r="192" spans="2:6" s="4" customFormat="1" ht="29.25" customHeight="1" x14ac:dyDescent="0.25">
      <c r="B192" s="89" t="s">
        <v>288</v>
      </c>
      <c r="C192" s="74" t="s">
        <v>289</v>
      </c>
      <c r="D192" s="60"/>
      <c r="E192" s="146"/>
      <c r="F192" s="147"/>
    </row>
    <row r="193" spans="2:6" s="4" customFormat="1" ht="29.25" customHeight="1" x14ac:dyDescent="0.25">
      <c r="B193" s="89" t="s">
        <v>290</v>
      </c>
      <c r="C193" s="74" t="s">
        <v>126</v>
      </c>
      <c r="D193" s="60"/>
      <c r="E193" s="146"/>
      <c r="F193" s="147"/>
    </row>
    <row r="194" spans="2:6" s="4" customFormat="1" ht="29.25" customHeight="1" x14ac:dyDescent="0.25">
      <c r="B194" s="89" t="s">
        <v>291</v>
      </c>
      <c r="C194" s="74" t="s">
        <v>292</v>
      </c>
      <c r="D194" s="60"/>
      <c r="E194" s="146"/>
      <c r="F194" s="147"/>
    </row>
    <row r="195" spans="2:6" s="4" customFormat="1" ht="29.25" customHeight="1" x14ac:dyDescent="0.25">
      <c r="B195" s="58" t="s">
        <v>106</v>
      </c>
      <c r="C195" s="88" t="s">
        <v>129</v>
      </c>
      <c r="D195" s="60"/>
      <c r="E195" s="146"/>
      <c r="F195" s="147"/>
    </row>
    <row r="196" spans="2:6" s="4" customFormat="1" ht="29.25" customHeight="1" x14ac:dyDescent="0.25">
      <c r="B196" s="89" t="s">
        <v>293</v>
      </c>
      <c r="C196" s="74" t="s">
        <v>130</v>
      </c>
      <c r="D196" s="60"/>
      <c r="E196" s="146"/>
      <c r="F196" s="147"/>
    </row>
    <row r="197" spans="2:6" s="4" customFormat="1" ht="29.25" customHeight="1" x14ac:dyDescent="0.25">
      <c r="B197" s="89" t="s">
        <v>294</v>
      </c>
      <c r="C197" s="74" t="s">
        <v>131</v>
      </c>
      <c r="D197" s="60"/>
      <c r="E197" s="146"/>
      <c r="F197" s="147"/>
    </row>
    <row r="198" spans="2:6" s="4" customFormat="1" ht="29.25" customHeight="1" x14ac:dyDescent="0.25">
      <c r="B198" s="58" t="s">
        <v>107</v>
      </c>
      <c r="C198" s="88" t="s">
        <v>444</v>
      </c>
      <c r="D198" s="60"/>
      <c r="E198" s="146"/>
      <c r="F198" s="147"/>
    </row>
    <row r="199" spans="2:6" s="4" customFormat="1" ht="29.25" customHeight="1" x14ac:dyDescent="0.25">
      <c r="B199" s="89" t="s">
        <v>295</v>
      </c>
      <c r="C199" s="74" t="s">
        <v>228</v>
      </c>
      <c r="D199" s="60"/>
      <c r="E199" s="146"/>
      <c r="F199" s="147"/>
    </row>
    <row r="200" spans="2:6" s="4" customFormat="1" ht="29.25" customHeight="1" x14ac:dyDescent="0.25">
      <c r="B200" s="89" t="s">
        <v>296</v>
      </c>
      <c r="C200" s="74" t="s">
        <v>297</v>
      </c>
      <c r="D200" s="60"/>
      <c r="E200" s="146"/>
      <c r="F200" s="147"/>
    </row>
    <row r="201" spans="2:6" s="4" customFormat="1" ht="29.25" customHeight="1" x14ac:dyDescent="0.25">
      <c r="B201" s="89" t="s">
        <v>298</v>
      </c>
      <c r="C201" s="74" t="s">
        <v>299</v>
      </c>
      <c r="D201" s="60"/>
      <c r="E201" s="146"/>
      <c r="F201" s="147"/>
    </row>
    <row r="202" spans="2:6" s="4" customFormat="1" ht="29.25" customHeight="1" x14ac:dyDescent="0.25">
      <c r="B202" s="58" t="s">
        <v>108</v>
      </c>
      <c r="C202" s="88" t="s">
        <v>200</v>
      </c>
      <c r="D202" s="60"/>
      <c r="E202" s="146"/>
      <c r="F202" s="147"/>
    </row>
    <row r="203" spans="2:6" s="4" customFormat="1" ht="29.25" customHeight="1" x14ac:dyDescent="0.25">
      <c r="B203" s="89" t="s">
        <v>300</v>
      </c>
      <c r="C203" s="74" t="s">
        <v>133</v>
      </c>
      <c r="D203" s="60"/>
      <c r="E203" s="146"/>
      <c r="F203" s="147"/>
    </row>
    <row r="204" spans="2:6" s="4" customFormat="1" ht="29.25" customHeight="1" x14ac:dyDescent="0.25">
      <c r="B204" s="89" t="s">
        <v>301</v>
      </c>
      <c r="C204" s="74" t="s">
        <v>134</v>
      </c>
      <c r="D204" s="60"/>
      <c r="E204" s="146"/>
      <c r="F204" s="147"/>
    </row>
    <row r="205" spans="2:6" s="4" customFormat="1" ht="29.25" customHeight="1" x14ac:dyDescent="0.25">
      <c r="B205" s="89" t="s">
        <v>302</v>
      </c>
      <c r="C205" s="74" t="s">
        <v>135</v>
      </c>
      <c r="D205" s="60"/>
      <c r="E205" s="146"/>
      <c r="F205" s="147"/>
    </row>
    <row r="206" spans="2:6" s="4" customFormat="1" ht="29.25" customHeight="1" x14ac:dyDescent="0.25">
      <c r="B206" s="89" t="s">
        <v>303</v>
      </c>
      <c r="C206" s="74" t="s">
        <v>136</v>
      </c>
      <c r="D206" s="60"/>
      <c r="E206" s="146"/>
      <c r="F206" s="147"/>
    </row>
    <row r="207" spans="2:6" s="4" customFormat="1" ht="29.25" customHeight="1" x14ac:dyDescent="0.25">
      <c r="B207" s="58" t="s">
        <v>109</v>
      </c>
      <c r="C207" s="88" t="s">
        <v>304</v>
      </c>
      <c r="D207" s="60"/>
      <c r="E207" s="146"/>
      <c r="F207" s="147"/>
    </row>
    <row r="208" spans="2:6" s="4" customFormat="1" ht="29.25" customHeight="1" x14ac:dyDescent="0.25">
      <c r="B208" s="89" t="s">
        <v>305</v>
      </c>
      <c r="C208" s="74" t="s">
        <v>140</v>
      </c>
      <c r="D208" s="60"/>
      <c r="E208" s="146"/>
      <c r="F208" s="147"/>
    </row>
    <row r="209" spans="2:6" s="4" customFormat="1" ht="29.25" customHeight="1" x14ac:dyDescent="0.25">
      <c r="B209" s="89" t="s">
        <v>306</v>
      </c>
      <c r="C209" s="74" t="s">
        <v>134</v>
      </c>
      <c r="D209" s="60"/>
      <c r="E209" s="146"/>
      <c r="F209" s="147"/>
    </row>
    <row r="210" spans="2:6" s="4" customFormat="1" ht="29.25" customHeight="1" x14ac:dyDescent="0.25">
      <c r="B210" s="89" t="s">
        <v>307</v>
      </c>
      <c r="C210" s="74" t="s">
        <v>144</v>
      </c>
      <c r="D210" s="60"/>
      <c r="E210" s="146"/>
      <c r="F210" s="147"/>
    </row>
    <row r="211" spans="2:6" s="4" customFormat="1" ht="29.25" customHeight="1" x14ac:dyDescent="0.25">
      <c r="B211" s="89" t="s">
        <v>308</v>
      </c>
      <c r="C211" s="74" t="s">
        <v>146</v>
      </c>
      <c r="D211" s="60"/>
      <c r="E211" s="146"/>
      <c r="F211" s="147"/>
    </row>
    <row r="212" spans="2:6" s="4" customFormat="1" ht="29.25" customHeight="1" x14ac:dyDescent="0.25">
      <c r="B212" s="58" t="s">
        <v>110</v>
      </c>
      <c r="C212" s="88" t="s">
        <v>309</v>
      </c>
      <c r="D212" s="60"/>
      <c r="E212" s="146"/>
      <c r="F212" s="147"/>
    </row>
    <row r="213" spans="2:6" s="4" customFormat="1" ht="29.25" customHeight="1" x14ac:dyDescent="0.25">
      <c r="B213" s="89" t="s">
        <v>259</v>
      </c>
      <c r="C213" s="74" t="s">
        <v>310</v>
      </c>
      <c r="D213" s="60"/>
      <c r="E213" s="146"/>
      <c r="F213" s="147"/>
    </row>
    <row r="214" spans="2:6" s="4" customFormat="1" ht="29.25" customHeight="1" x14ac:dyDescent="0.25">
      <c r="B214" s="89" t="s">
        <v>260</v>
      </c>
      <c r="C214" s="74" t="s">
        <v>134</v>
      </c>
      <c r="D214" s="60"/>
      <c r="E214" s="146"/>
      <c r="F214" s="147"/>
    </row>
    <row r="215" spans="2:6" s="4" customFormat="1" ht="29.25" customHeight="1" x14ac:dyDescent="0.25">
      <c r="B215" s="89" t="s">
        <v>261</v>
      </c>
      <c r="C215" s="74" t="s">
        <v>153</v>
      </c>
      <c r="D215" s="60"/>
      <c r="E215" s="146"/>
      <c r="F215" s="147"/>
    </row>
    <row r="216" spans="2:6" s="4" customFormat="1" ht="29.25" customHeight="1" x14ac:dyDescent="0.25">
      <c r="B216" s="89" t="s">
        <v>262</v>
      </c>
      <c r="C216" s="74" t="s">
        <v>155</v>
      </c>
      <c r="D216" s="60"/>
      <c r="E216" s="146"/>
      <c r="F216" s="147"/>
    </row>
    <row r="217" spans="2:6" s="4" customFormat="1" ht="29.25" customHeight="1" x14ac:dyDescent="0.25">
      <c r="B217" s="58" t="s">
        <v>442</v>
      </c>
      <c r="C217" s="88" t="s">
        <v>311</v>
      </c>
      <c r="D217" s="60"/>
      <c r="E217" s="146"/>
      <c r="F217" s="147"/>
    </row>
    <row r="218" spans="2:6" s="4" customFormat="1" ht="29.25" customHeight="1" x14ac:dyDescent="0.25">
      <c r="B218" s="89" t="s">
        <v>312</v>
      </c>
      <c r="C218" s="74" t="s">
        <v>150</v>
      </c>
      <c r="D218" s="60"/>
      <c r="E218" s="146"/>
      <c r="F218" s="147"/>
    </row>
    <row r="219" spans="2:6" s="4" customFormat="1" ht="29.25" customHeight="1" x14ac:dyDescent="0.25">
      <c r="B219" s="89" t="s">
        <v>313</v>
      </c>
      <c r="C219" s="74" t="s">
        <v>134</v>
      </c>
      <c r="D219" s="60"/>
      <c r="E219" s="146"/>
      <c r="F219" s="147"/>
    </row>
    <row r="220" spans="2:6" s="4" customFormat="1" ht="29.25" customHeight="1" x14ac:dyDescent="0.25">
      <c r="B220" s="89" t="s">
        <v>314</v>
      </c>
      <c r="C220" s="74" t="s">
        <v>153</v>
      </c>
      <c r="D220" s="60"/>
      <c r="E220" s="146"/>
      <c r="F220" s="147"/>
    </row>
    <row r="221" spans="2:6" s="4" customFormat="1" ht="29.25" customHeight="1" x14ac:dyDescent="0.25">
      <c r="B221" s="89" t="s">
        <v>315</v>
      </c>
      <c r="C221" s="74" t="s">
        <v>155</v>
      </c>
      <c r="D221" s="60"/>
      <c r="E221" s="146"/>
      <c r="F221" s="147"/>
    </row>
    <row r="222" spans="2:6" s="4" customFormat="1" ht="29.25" customHeight="1" x14ac:dyDescent="0.25">
      <c r="B222" s="58" t="s">
        <v>316</v>
      </c>
      <c r="C222" s="88" t="s">
        <v>157</v>
      </c>
      <c r="D222" s="60"/>
      <c r="E222" s="146"/>
      <c r="F222" s="147"/>
    </row>
    <row r="223" spans="2:6" s="4" customFormat="1" ht="29.25" customHeight="1" x14ac:dyDescent="0.25">
      <c r="B223" s="89" t="s">
        <v>317</v>
      </c>
      <c r="C223" s="74" t="s">
        <v>159</v>
      </c>
      <c r="D223" s="60"/>
      <c r="E223" s="146"/>
      <c r="F223" s="147"/>
    </row>
    <row r="224" spans="2:6" s="4" customFormat="1" ht="29.25" customHeight="1" x14ac:dyDescent="0.25">
      <c r="B224" s="89" t="s">
        <v>318</v>
      </c>
      <c r="C224" s="74" t="s">
        <v>134</v>
      </c>
      <c r="D224" s="60"/>
      <c r="E224" s="106"/>
      <c r="F224" s="107"/>
    </row>
    <row r="225" spans="2:6" s="4" customFormat="1" ht="29.25" customHeight="1" x14ac:dyDescent="0.25">
      <c r="B225" s="89" t="s">
        <v>319</v>
      </c>
      <c r="C225" s="74" t="s">
        <v>153</v>
      </c>
      <c r="D225" s="60"/>
      <c r="E225" s="106"/>
      <c r="F225" s="107"/>
    </row>
    <row r="226" spans="2:6" s="4" customFormat="1" ht="29.25" customHeight="1" x14ac:dyDescent="0.25">
      <c r="B226" s="89" t="s">
        <v>320</v>
      </c>
      <c r="C226" s="74" t="s">
        <v>164</v>
      </c>
      <c r="D226" s="60"/>
      <c r="E226" s="106"/>
      <c r="F226" s="107"/>
    </row>
    <row r="227" spans="2:6" s="4" customFormat="1" ht="29.25" customHeight="1" x14ac:dyDescent="0.25">
      <c r="B227" s="58" t="s">
        <v>321</v>
      </c>
      <c r="C227" s="88" t="s">
        <v>322</v>
      </c>
      <c r="D227" s="60"/>
      <c r="E227" s="106"/>
      <c r="F227" s="107"/>
    </row>
    <row r="228" spans="2:6" s="4" customFormat="1" ht="29.25" customHeight="1" x14ac:dyDescent="0.25">
      <c r="B228" s="89" t="s">
        <v>323</v>
      </c>
      <c r="C228" s="74" t="s">
        <v>324</v>
      </c>
      <c r="D228" s="60"/>
      <c r="E228" s="106"/>
      <c r="F228" s="107"/>
    </row>
    <row r="229" spans="2:6" s="4" customFormat="1" ht="29.25" customHeight="1" x14ac:dyDescent="0.25">
      <c r="B229" s="89" t="s">
        <v>325</v>
      </c>
      <c r="C229" s="74" t="s">
        <v>134</v>
      </c>
      <c r="D229" s="60"/>
      <c r="E229" s="106"/>
      <c r="F229" s="107"/>
    </row>
    <row r="230" spans="2:6" s="4" customFormat="1" ht="29.25" customHeight="1" x14ac:dyDescent="0.25">
      <c r="B230" s="89" t="s">
        <v>326</v>
      </c>
      <c r="C230" s="74" t="s">
        <v>327</v>
      </c>
      <c r="D230" s="60"/>
      <c r="E230" s="106"/>
      <c r="F230" s="107"/>
    </row>
    <row r="231" spans="2:6" s="4" customFormat="1" ht="29.25" customHeight="1" x14ac:dyDescent="0.25">
      <c r="B231" s="89" t="s">
        <v>328</v>
      </c>
      <c r="C231" s="74" t="s">
        <v>153</v>
      </c>
      <c r="D231" s="60"/>
      <c r="E231" s="106"/>
      <c r="F231" s="107"/>
    </row>
    <row r="232" spans="2:6" s="4" customFormat="1" ht="29.25" customHeight="1" x14ac:dyDescent="0.25">
      <c r="B232" s="89" t="s">
        <v>329</v>
      </c>
      <c r="C232" s="74" t="s">
        <v>174</v>
      </c>
      <c r="D232" s="60"/>
      <c r="E232" s="106"/>
      <c r="F232" s="107"/>
    </row>
    <row r="233" spans="2:6" s="4" customFormat="1" ht="29.25" customHeight="1" x14ac:dyDescent="0.25">
      <c r="B233" s="89" t="s">
        <v>330</v>
      </c>
      <c r="C233" s="74" t="s">
        <v>331</v>
      </c>
      <c r="D233" s="60"/>
      <c r="E233" s="106"/>
      <c r="F233" s="107"/>
    </row>
    <row r="234" spans="2:6" s="4" customFormat="1" ht="29.25" customHeight="1" x14ac:dyDescent="0.25">
      <c r="B234" s="89" t="s">
        <v>332</v>
      </c>
      <c r="C234" s="74" t="s">
        <v>333</v>
      </c>
      <c r="D234" s="60"/>
      <c r="E234" s="106"/>
      <c r="F234" s="107"/>
    </row>
    <row r="235" spans="2:6" s="4" customFormat="1" ht="29.25" customHeight="1" x14ac:dyDescent="0.25">
      <c r="B235" s="89" t="s">
        <v>334</v>
      </c>
      <c r="C235" s="74" t="s">
        <v>335</v>
      </c>
      <c r="D235" s="60"/>
      <c r="E235" s="146"/>
      <c r="F235" s="147"/>
    </row>
    <row r="236" spans="2:6" s="4" customFormat="1" ht="29.25" customHeight="1" x14ac:dyDescent="0.25">
      <c r="B236" s="89" t="s">
        <v>336</v>
      </c>
      <c r="C236" s="74" t="s">
        <v>337</v>
      </c>
      <c r="D236" s="60"/>
      <c r="E236" s="146"/>
      <c r="F236" s="147"/>
    </row>
    <row r="237" spans="2:6" s="4" customFormat="1" ht="29.25" customHeight="1" x14ac:dyDescent="0.25">
      <c r="B237" s="58" t="s">
        <v>338</v>
      </c>
      <c r="C237" s="117" t="s">
        <v>339</v>
      </c>
      <c r="D237" s="60"/>
      <c r="E237" s="146"/>
      <c r="F237" s="147"/>
    </row>
    <row r="238" spans="2:6" s="4" customFormat="1" ht="29.25" customHeight="1" x14ac:dyDescent="0.25">
      <c r="B238" s="89" t="s">
        <v>340</v>
      </c>
      <c r="C238" s="81" t="s">
        <v>341</v>
      </c>
      <c r="D238" s="60"/>
      <c r="E238" s="146"/>
      <c r="F238" s="147"/>
    </row>
    <row r="239" spans="2:6" s="4" customFormat="1" ht="29.25" customHeight="1" x14ac:dyDescent="0.25">
      <c r="B239" s="89" t="s">
        <v>342</v>
      </c>
      <c r="C239" s="81" t="s">
        <v>134</v>
      </c>
      <c r="D239" s="60"/>
      <c r="E239" s="146"/>
      <c r="F239" s="147"/>
    </row>
    <row r="240" spans="2:6" s="4" customFormat="1" ht="29.25" customHeight="1" x14ac:dyDescent="0.25">
      <c r="B240" s="89" t="s">
        <v>343</v>
      </c>
      <c r="C240" s="81" t="s">
        <v>171</v>
      </c>
      <c r="D240" s="60"/>
      <c r="E240" s="146"/>
      <c r="F240" s="147"/>
    </row>
    <row r="241" spans="2:6" s="4" customFormat="1" ht="29.25" customHeight="1" x14ac:dyDescent="0.25">
      <c r="B241" s="89" t="s">
        <v>344</v>
      </c>
      <c r="C241" s="81" t="s">
        <v>153</v>
      </c>
      <c r="D241" s="60"/>
      <c r="E241" s="146"/>
      <c r="F241" s="147"/>
    </row>
    <row r="242" spans="2:6" s="4" customFormat="1" ht="29.25" customHeight="1" x14ac:dyDescent="0.25">
      <c r="B242" s="89" t="s">
        <v>345</v>
      </c>
      <c r="C242" s="81" t="s">
        <v>174</v>
      </c>
      <c r="D242" s="60"/>
      <c r="E242" s="146"/>
      <c r="F242" s="147"/>
    </row>
    <row r="243" spans="2:6" s="4" customFormat="1" ht="29.25" customHeight="1" x14ac:dyDescent="0.25">
      <c r="B243" s="89" t="s">
        <v>346</v>
      </c>
      <c r="C243" s="81" t="s">
        <v>347</v>
      </c>
      <c r="D243" s="60"/>
      <c r="E243" s="146"/>
      <c r="F243" s="147"/>
    </row>
    <row r="244" spans="2:6" s="4" customFormat="1" ht="29.25" customHeight="1" x14ac:dyDescent="0.25">
      <c r="B244" s="89" t="s">
        <v>348</v>
      </c>
      <c r="C244" s="81" t="s">
        <v>349</v>
      </c>
      <c r="D244" s="60"/>
      <c r="E244" s="106"/>
      <c r="F244" s="107"/>
    </row>
    <row r="245" spans="2:6" s="4" customFormat="1" ht="29.25" customHeight="1" x14ac:dyDescent="0.25">
      <c r="B245" s="89" t="s">
        <v>350</v>
      </c>
      <c r="C245" s="81" t="s">
        <v>351</v>
      </c>
      <c r="D245" s="60"/>
      <c r="E245" s="106"/>
      <c r="F245" s="107"/>
    </row>
    <row r="246" spans="2:6" s="4" customFormat="1" ht="29.25" customHeight="1" x14ac:dyDescent="0.25">
      <c r="B246" s="58" t="s">
        <v>352</v>
      </c>
      <c r="C246" s="110" t="s">
        <v>279</v>
      </c>
      <c r="D246" s="60"/>
      <c r="E246" s="106"/>
      <c r="F246" s="107"/>
    </row>
    <row r="247" spans="2:6" s="4" customFormat="1" ht="29.25" customHeight="1" x14ac:dyDescent="0.25">
      <c r="B247" s="89" t="s">
        <v>353</v>
      </c>
      <c r="C247" s="81" t="s">
        <v>190</v>
      </c>
      <c r="D247" s="60"/>
      <c r="E247" s="106"/>
      <c r="F247" s="107"/>
    </row>
    <row r="248" spans="2:6" s="4" customFormat="1" ht="29.25" customHeight="1" x14ac:dyDescent="0.25">
      <c r="B248" s="89" t="s">
        <v>354</v>
      </c>
      <c r="C248" s="81" t="s">
        <v>192</v>
      </c>
      <c r="D248" s="60"/>
      <c r="E248" s="106"/>
      <c r="F248" s="107"/>
    </row>
    <row r="249" spans="2:6" s="4" customFormat="1" ht="29.25" customHeight="1" x14ac:dyDescent="0.25">
      <c r="B249" s="89" t="s">
        <v>355</v>
      </c>
      <c r="C249" s="81" t="s">
        <v>194</v>
      </c>
      <c r="D249" s="60"/>
      <c r="E249" s="106"/>
      <c r="F249" s="107"/>
    </row>
    <row r="250" spans="2:6" s="4" customFormat="1" ht="29.25" customHeight="1" x14ac:dyDescent="0.25">
      <c r="B250" s="89" t="s">
        <v>356</v>
      </c>
      <c r="C250" s="81" t="s">
        <v>196</v>
      </c>
      <c r="D250" s="60"/>
      <c r="E250" s="106"/>
      <c r="F250" s="107"/>
    </row>
    <row r="251" spans="2:6" s="4" customFormat="1" ht="29.25" customHeight="1" x14ac:dyDescent="0.25">
      <c r="B251" s="89" t="s">
        <v>357</v>
      </c>
      <c r="C251" s="81" t="s">
        <v>198</v>
      </c>
      <c r="D251" s="60"/>
      <c r="E251" s="106"/>
      <c r="F251" s="107"/>
    </row>
    <row r="252" spans="2:6" s="4" customFormat="1" ht="29.25" customHeight="1" x14ac:dyDescent="0.25">
      <c r="B252" s="58" t="s">
        <v>358</v>
      </c>
      <c r="C252" s="110" t="s">
        <v>498</v>
      </c>
      <c r="D252" s="60"/>
      <c r="E252" s="106"/>
      <c r="F252" s="107"/>
    </row>
    <row r="253" spans="2:6" s="4" customFormat="1" ht="29.25" customHeight="1" x14ac:dyDescent="0.25">
      <c r="B253" s="89" t="s">
        <v>359</v>
      </c>
      <c r="C253" s="81" t="s">
        <v>360</v>
      </c>
      <c r="D253" s="60"/>
      <c r="E253" s="106"/>
      <c r="F253" s="107"/>
    </row>
    <row r="254" spans="2:6" s="4" customFormat="1" ht="29.25" customHeight="1" x14ac:dyDescent="0.25">
      <c r="B254" s="89" t="s">
        <v>361</v>
      </c>
      <c r="C254" s="81" t="s">
        <v>362</v>
      </c>
      <c r="D254" s="60"/>
      <c r="E254" s="106"/>
      <c r="F254" s="107"/>
    </row>
    <row r="255" spans="2:6" s="4" customFormat="1" ht="29.25" customHeight="1" x14ac:dyDescent="0.25">
      <c r="B255" s="89" t="s">
        <v>363</v>
      </c>
      <c r="C255" s="81" t="s">
        <v>364</v>
      </c>
      <c r="D255" s="60"/>
      <c r="E255" s="106"/>
      <c r="F255" s="107"/>
    </row>
    <row r="256" spans="2:6" s="4" customFormat="1" ht="29.25" customHeight="1" x14ac:dyDescent="0.25">
      <c r="B256" s="89" t="s">
        <v>365</v>
      </c>
      <c r="C256" s="81" t="s">
        <v>366</v>
      </c>
      <c r="D256" s="60"/>
      <c r="E256" s="106"/>
      <c r="F256" s="107"/>
    </row>
    <row r="257" spans="2:6" s="4" customFormat="1" ht="29.25" customHeight="1" x14ac:dyDescent="0.25">
      <c r="B257" s="89" t="s">
        <v>365</v>
      </c>
      <c r="C257" s="81" t="s">
        <v>367</v>
      </c>
      <c r="D257" s="60"/>
      <c r="E257" s="106"/>
      <c r="F257" s="107"/>
    </row>
    <row r="258" spans="2:6" s="4" customFormat="1" ht="58.5" customHeight="1" x14ac:dyDescent="0.25">
      <c r="B258" s="58" t="s">
        <v>368</v>
      </c>
      <c r="C258" s="76" t="s">
        <v>369</v>
      </c>
      <c r="D258" s="60"/>
      <c r="E258" s="106"/>
      <c r="F258" s="107"/>
    </row>
    <row r="259" spans="2:6" s="4" customFormat="1" ht="29.25" customHeight="1" x14ac:dyDescent="0.25">
      <c r="B259" s="140" t="s">
        <v>441</v>
      </c>
      <c r="C259" s="141"/>
      <c r="D259" s="141"/>
      <c r="E259" s="141"/>
      <c r="F259" s="142"/>
    </row>
    <row r="260" spans="2:6" s="4" customFormat="1" ht="29.25" customHeight="1" x14ac:dyDescent="0.25">
      <c r="B260" s="82" t="s">
        <v>105</v>
      </c>
      <c r="C260" s="110" t="s">
        <v>370</v>
      </c>
      <c r="D260" s="60"/>
      <c r="E260" s="106"/>
      <c r="F260" s="107"/>
    </row>
    <row r="261" spans="2:6" s="4" customFormat="1" ht="29.25" customHeight="1" x14ac:dyDescent="0.25">
      <c r="B261" s="58" t="s">
        <v>111</v>
      </c>
      <c r="C261" s="110" t="s">
        <v>124</v>
      </c>
      <c r="D261" s="60"/>
      <c r="E261" s="106"/>
      <c r="F261" s="107"/>
    </row>
    <row r="262" spans="2:6" s="4" customFormat="1" ht="29.25" customHeight="1" x14ac:dyDescent="0.25">
      <c r="B262" s="89" t="s">
        <v>112</v>
      </c>
      <c r="C262" s="76" t="s">
        <v>125</v>
      </c>
      <c r="D262" s="60"/>
      <c r="E262" s="106"/>
      <c r="F262" s="107"/>
    </row>
    <row r="263" spans="2:6" s="4" customFormat="1" ht="29.25" customHeight="1" x14ac:dyDescent="0.25">
      <c r="B263" s="89" t="s">
        <v>113</v>
      </c>
      <c r="C263" s="81" t="s">
        <v>126</v>
      </c>
      <c r="D263" s="60"/>
      <c r="E263" s="106"/>
      <c r="F263" s="107"/>
    </row>
    <row r="264" spans="2:6" s="4" customFormat="1" ht="29.25" customHeight="1" x14ac:dyDescent="0.25">
      <c r="B264" s="89" t="s">
        <v>114</v>
      </c>
      <c r="C264" s="81" t="s">
        <v>127</v>
      </c>
      <c r="D264" s="60"/>
      <c r="E264" s="106"/>
      <c r="F264" s="107"/>
    </row>
    <row r="265" spans="2:6" s="4" customFormat="1" ht="29.25" customHeight="1" x14ac:dyDescent="0.25">
      <c r="B265" s="89" t="s">
        <v>115</v>
      </c>
      <c r="C265" s="81" t="s">
        <v>128</v>
      </c>
      <c r="D265" s="60"/>
      <c r="E265" s="106"/>
      <c r="F265" s="107"/>
    </row>
    <row r="266" spans="2:6" s="4" customFormat="1" ht="29.25" customHeight="1" x14ac:dyDescent="0.25">
      <c r="B266" s="58" t="s">
        <v>371</v>
      </c>
      <c r="C266" s="110" t="s">
        <v>372</v>
      </c>
      <c r="D266" s="60"/>
      <c r="E266" s="106"/>
      <c r="F266" s="107"/>
    </row>
    <row r="267" spans="2:6" s="4" customFormat="1" ht="29.25" customHeight="1" x14ac:dyDescent="0.25">
      <c r="B267" s="89" t="s">
        <v>373</v>
      </c>
      <c r="C267" s="76" t="s">
        <v>130</v>
      </c>
      <c r="D267" s="60"/>
      <c r="E267" s="106"/>
      <c r="F267" s="107"/>
    </row>
    <row r="268" spans="2:6" s="4" customFormat="1" ht="29.25" customHeight="1" x14ac:dyDescent="0.25">
      <c r="B268" s="89" t="s">
        <v>374</v>
      </c>
      <c r="C268" s="81" t="s">
        <v>131</v>
      </c>
      <c r="D268" s="60"/>
      <c r="E268" s="106"/>
      <c r="F268" s="107"/>
    </row>
    <row r="269" spans="2:6" s="4" customFormat="1" ht="29.25" customHeight="1" x14ac:dyDescent="0.25">
      <c r="B269" s="58" t="s">
        <v>375</v>
      </c>
      <c r="C269" s="110" t="s">
        <v>376</v>
      </c>
      <c r="D269" s="60"/>
      <c r="E269" s="106"/>
      <c r="F269" s="107"/>
    </row>
    <row r="270" spans="2:6" s="4" customFormat="1" ht="29.25" customHeight="1" x14ac:dyDescent="0.25">
      <c r="B270" s="89" t="s">
        <v>377</v>
      </c>
      <c r="C270" s="81" t="s">
        <v>133</v>
      </c>
      <c r="D270" s="60"/>
      <c r="E270" s="106"/>
      <c r="F270" s="107"/>
    </row>
    <row r="271" spans="2:6" s="4" customFormat="1" ht="29.25" customHeight="1" x14ac:dyDescent="0.25">
      <c r="B271" s="89" t="s">
        <v>378</v>
      </c>
      <c r="C271" s="81" t="s">
        <v>134</v>
      </c>
      <c r="D271" s="60"/>
      <c r="E271" s="106"/>
      <c r="F271" s="107"/>
    </row>
    <row r="272" spans="2:6" s="4" customFormat="1" ht="29.25" customHeight="1" x14ac:dyDescent="0.25">
      <c r="B272" s="89" t="s">
        <v>379</v>
      </c>
      <c r="C272" s="81" t="s">
        <v>135</v>
      </c>
      <c r="D272" s="60"/>
      <c r="E272" s="106"/>
      <c r="F272" s="107"/>
    </row>
    <row r="273" spans="2:6" s="4" customFormat="1" ht="29.25" customHeight="1" x14ac:dyDescent="0.25">
      <c r="B273" s="89" t="s">
        <v>380</v>
      </c>
      <c r="C273" s="76" t="s">
        <v>136</v>
      </c>
      <c r="D273" s="60"/>
      <c r="E273" s="106"/>
      <c r="F273" s="107"/>
    </row>
    <row r="274" spans="2:6" s="4" customFormat="1" ht="29.25" customHeight="1" x14ac:dyDescent="0.25">
      <c r="B274" s="58" t="s">
        <v>381</v>
      </c>
      <c r="C274" s="110" t="s">
        <v>304</v>
      </c>
      <c r="D274" s="60"/>
      <c r="E274" s="106"/>
      <c r="F274" s="107"/>
    </row>
    <row r="275" spans="2:6" s="4" customFormat="1" ht="29.25" customHeight="1" x14ac:dyDescent="0.25">
      <c r="B275" s="89" t="s">
        <v>382</v>
      </c>
      <c r="C275" s="81" t="s">
        <v>140</v>
      </c>
      <c r="D275" s="60"/>
      <c r="E275" s="106"/>
      <c r="F275" s="107"/>
    </row>
    <row r="276" spans="2:6" s="4" customFormat="1" ht="29.25" customHeight="1" x14ac:dyDescent="0.25">
      <c r="B276" s="89" t="s">
        <v>383</v>
      </c>
      <c r="C276" s="81" t="s">
        <v>134</v>
      </c>
      <c r="D276" s="60"/>
      <c r="E276" s="106"/>
      <c r="F276" s="107"/>
    </row>
    <row r="277" spans="2:6" s="4" customFormat="1" ht="29.25" customHeight="1" x14ac:dyDescent="0.25">
      <c r="B277" s="89" t="s">
        <v>384</v>
      </c>
      <c r="C277" s="81" t="s">
        <v>144</v>
      </c>
      <c r="D277" s="60"/>
      <c r="E277" s="106"/>
      <c r="F277" s="107"/>
    </row>
    <row r="278" spans="2:6" s="4" customFormat="1" ht="29.25" customHeight="1" x14ac:dyDescent="0.25">
      <c r="B278" s="89" t="s">
        <v>385</v>
      </c>
      <c r="C278" s="81" t="s">
        <v>146</v>
      </c>
      <c r="D278" s="60"/>
      <c r="E278" s="106"/>
      <c r="F278" s="107"/>
    </row>
    <row r="279" spans="2:6" s="4" customFormat="1" ht="29.25" customHeight="1" x14ac:dyDescent="0.25">
      <c r="B279" s="58" t="s">
        <v>386</v>
      </c>
      <c r="C279" s="110" t="s">
        <v>387</v>
      </c>
      <c r="D279" s="60"/>
      <c r="E279" s="106"/>
      <c r="F279" s="107"/>
    </row>
    <row r="280" spans="2:6" s="4" customFormat="1" ht="29.25" customHeight="1" x14ac:dyDescent="0.25">
      <c r="B280" s="89" t="s">
        <v>388</v>
      </c>
      <c r="C280" s="81" t="s">
        <v>150</v>
      </c>
      <c r="D280" s="60"/>
      <c r="E280" s="106"/>
      <c r="F280" s="107"/>
    </row>
    <row r="281" spans="2:6" s="4" customFormat="1" ht="29.25" customHeight="1" x14ac:dyDescent="0.25">
      <c r="B281" s="89" t="s">
        <v>389</v>
      </c>
      <c r="C281" s="81" t="s">
        <v>134</v>
      </c>
      <c r="D281" s="60"/>
      <c r="E281" s="106"/>
      <c r="F281" s="107"/>
    </row>
    <row r="282" spans="2:6" s="4" customFormat="1" ht="29.25" customHeight="1" x14ac:dyDescent="0.25">
      <c r="B282" s="89" t="s">
        <v>390</v>
      </c>
      <c r="C282" s="81" t="s">
        <v>153</v>
      </c>
      <c r="D282" s="60"/>
      <c r="E282" s="106"/>
      <c r="F282" s="107"/>
    </row>
    <row r="283" spans="2:6" s="4" customFormat="1" ht="29.25" customHeight="1" x14ac:dyDescent="0.25">
      <c r="B283" s="89" t="s">
        <v>391</v>
      </c>
      <c r="C283" s="81" t="s">
        <v>155</v>
      </c>
      <c r="D283" s="60"/>
      <c r="E283" s="106"/>
      <c r="F283" s="107"/>
    </row>
    <row r="284" spans="2:6" s="4" customFormat="1" ht="29.25" customHeight="1" x14ac:dyDescent="0.25">
      <c r="B284" s="58" t="s">
        <v>392</v>
      </c>
      <c r="C284" s="110" t="s">
        <v>253</v>
      </c>
      <c r="D284" s="60"/>
      <c r="E284" s="106"/>
      <c r="F284" s="107"/>
    </row>
    <row r="285" spans="2:6" s="4" customFormat="1" ht="29.25" customHeight="1" x14ac:dyDescent="0.25">
      <c r="B285" s="89" t="s">
        <v>393</v>
      </c>
      <c r="C285" s="81" t="s">
        <v>159</v>
      </c>
      <c r="D285" s="60"/>
      <c r="E285" s="106"/>
      <c r="F285" s="107"/>
    </row>
    <row r="286" spans="2:6" s="4" customFormat="1" ht="29.25" customHeight="1" x14ac:dyDescent="0.25">
      <c r="B286" s="89" t="s">
        <v>394</v>
      </c>
      <c r="C286" s="81" t="s">
        <v>134</v>
      </c>
      <c r="D286" s="60"/>
      <c r="E286" s="106"/>
      <c r="F286" s="107"/>
    </row>
    <row r="287" spans="2:6" s="4" customFormat="1" ht="29.25" customHeight="1" x14ac:dyDescent="0.25">
      <c r="B287" s="89" t="s">
        <v>395</v>
      </c>
      <c r="C287" s="81" t="s">
        <v>153</v>
      </c>
      <c r="D287" s="60"/>
      <c r="E287" s="106"/>
      <c r="F287" s="107"/>
    </row>
    <row r="288" spans="2:6" s="4" customFormat="1" ht="29.25" customHeight="1" x14ac:dyDescent="0.25">
      <c r="B288" s="89" t="s">
        <v>396</v>
      </c>
      <c r="C288" s="81" t="s">
        <v>164</v>
      </c>
      <c r="D288" s="60"/>
      <c r="E288" s="106"/>
      <c r="F288" s="107"/>
    </row>
    <row r="289" spans="2:6" s="4" customFormat="1" ht="29.25" customHeight="1" x14ac:dyDescent="0.25">
      <c r="B289" s="58" t="s">
        <v>397</v>
      </c>
      <c r="C289" s="110" t="s">
        <v>398</v>
      </c>
      <c r="D289" s="60"/>
      <c r="E289" s="106"/>
      <c r="F289" s="107"/>
    </row>
    <row r="290" spans="2:6" s="4" customFormat="1" ht="29.25" customHeight="1" x14ac:dyDescent="0.25">
      <c r="B290" s="89" t="s">
        <v>399</v>
      </c>
      <c r="C290" s="81" t="s">
        <v>400</v>
      </c>
      <c r="D290" s="60"/>
      <c r="E290" s="106"/>
      <c r="F290" s="107"/>
    </row>
    <row r="291" spans="2:6" s="4" customFormat="1" ht="29.25" customHeight="1" x14ac:dyDescent="0.25">
      <c r="B291" s="89" t="s">
        <v>401</v>
      </c>
      <c r="C291" s="81" t="s">
        <v>134</v>
      </c>
      <c r="D291" s="60"/>
      <c r="E291" s="106"/>
      <c r="F291" s="107"/>
    </row>
    <row r="292" spans="2:6" s="4" customFormat="1" ht="29.25" customHeight="1" x14ac:dyDescent="0.25">
      <c r="B292" s="89" t="s">
        <v>402</v>
      </c>
      <c r="C292" s="81" t="s">
        <v>327</v>
      </c>
      <c r="D292" s="60"/>
      <c r="E292" s="106"/>
      <c r="F292" s="107"/>
    </row>
    <row r="293" spans="2:6" s="4" customFormat="1" ht="29.25" customHeight="1" x14ac:dyDescent="0.25">
      <c r="B293" s="89" t="s">
        <v>403</v>
      </c>
      <c r="C293" s="81" t="s">
        <v>153</v>
      </c>
      <c r="D293" s="60"/>
      <c r="E293" s="106"/>
      <c r="F293" s="107"/>
    </row>
    <row r="294" spans="2:6" s="4" customFormat="1" ht="29.25" customHeight="1" x14ac:dyDescent="0.25">
      <c r="B294" s="89" t="s">
        <v>404</v>
      </c>
      <c r="C294" s="81" t="s">
        <v>174</v>
      </c>
      <c r="D294" s="60"/>
      <c r="E294" s="106"/>
      <c r="F294" s="107"/>
    </row>
    <row r="295" spans="2:6" s="4" customFormat="1" ht="29.25" customHeight="1" x14ac:dyDescent="0.25">
      <c r="B295" s="89" t="s">
        <v>405</v>
      </c>
      <c r="C295" s="81" t="s">
        <v>406</v>
      </c>
      <c r="D295" s="60"/>
      <c r="E295" s="106"/>
      <c r="F295" s="107"/>
    </row>
    <row r="296" spans="2:6" s="4" customFormat="1" ht="29.25" customHeight="1" x14ac:dyDescent="0.25">
      <c r="B296" s="89" t="s">
        <v>407</v>
      </c>
      <c r="C296" s="81" t="s">
        <v>408</v>
      </c>
      <c r="D296" s="60"/>
      <c r="E296" s="106"/>
      <c r="F296" s="107"/>
    </row>
    <row r="297" spans="2:6" s="4" customFormat="1" ht="29.25" customHeight="1" x14ac:dyDescent="0.25">
      <c r="B297" s="89" t="s">
        <v>409</v>
      </c>
      <c r="C297" s="81" t="s">
        <v>335</v>
      </c>
      <c r="D297" s="60"/>
      <c r="E297" s="106"/>
      <c r="F297" s="107"/>
    </row>
    <row r="298" spans="2:6" s="4" customFormat="1" ht="29.25" customHeight="1" x14ac:dyDescent="0.25">
      <c r="B298" s="89" t="s">
        <v>410</v>
      </c>
      <c r="C298" s="81" t="s">
        <v>411</v>
      </c>
      <c r="D298" s="60"/>
      <c r="E298" s="106"/>
      <c r="F298" s="107"/>
    </row>
    <row r="299" spans="2:6" s="4" customFormat="1" ht="29.25" customHeight="1" x14ac:dyDescent="0.25">
      <c r="B299" s="58" t="s">
        <v>412</v>
      </c>
      <c r="C299" s="110" t="s">
        <v>413</v>
      </c>
      <c r="D299" s="60"/>
      <c r="E299" s="106"/>
      <c r="F299" s="107"/>
    </row>
    <row r="300" spans="2:6" s="4" customFormat="1" ht="29.25" customHeight="1" x14ac:dyDescent="0.25">
      <c r="B300" s="89" t="s">
        <v>414</v>
      </c>
      <c r="C300" s="81" t="s">
        <v>341</v>
      </c>
      <c r="D300" s="60"/>
      <c r="E300" s="106"/>
      <c r="F300" s="107"/>
    </row>
    <row r="301" spans="2:6" s="4" customFormat="1" ht="29.25" customHeight="1" x14ac:dyDescent="0.25">
      <c r="B301" s="89" t="s">
        <v>415</v>
      </c>
      <c r="C301" s="81" t="s">
        <v>134</v>
      </c>
      <c r="D301" s="60"/>
      <c r="E301" s="106"/>
      <c r="F301" s="107"/>
    </row>
    <row r="302" spans="2:6" s="4" customFormat="1" ht="29.25" customHeight="1" x14ac:dyDescent="0.25">
      <c r="B302" s="89" t="s">
        <v>416</v>
      </c>
      <c r="C302" s="81" t="s">
        <v>171</v>
      </c>
      <c r="D302" s="60"/>
      <c r="E302" s="106"/>
      <c r="F302" s="107"/>
    </row>
    <row r="303" spans="2:6" s="4" customFormat="1" ht="29.25" customHeight="1" x14ac:dyDescent="0.25">
      <c r="B303" s="89" t="s">
        <v>417</v>
      </c>
      <c r="C303" s="81" t="s">
        <v>153</v>
      </c>
      <c r="D303" s="60"/>
      <c r="E303" s="106"/>
      <c r="F303" s="107"/>
    </row>
    <row r="304" spans="2:6" s="4" customFormat="1" ht="29.25" customHeight="1" x14ac:dyDescent="0.25">
      <c r="B304" s="89" t="s">
        <v>418</v>
      </c>
      <c r="C304" s="81" t="s">
        <v>174</v>
      </c>
      <c r="D304" s="60"/>
      <c r="E304" s="106"/>
      <c r="F304" s="107"/>
    </row>
    <row r="305" spans="2:6" s="4" customFormat="1" ht="29.25" customHeight="1" x14ac:dyDescent="0.25">
      <c r="B305" s="89" t="s">
        <v>419</v>
      </c>
      <c r="C305" s="81" t="s">
        <v>406</v>
      </c>
      <c r="D305" s="60"/>
      <c r="E305" s="106"/>
      <c r="F305" s="107"/>
    </row>
    <row r="306" spans="2:6" s="4" customFormat="1" ht="29.25" customHeight="1" x14ac:dyDescent="0.25">
      <c r="B306" s="89" t="s">
        <v>420</v>
      </c>
      <c r="C306" s="81" t="s">
        <v>349</v>
      </c>
      <c r="D306" s="60"/>
      <c r="E306" s="106"/>
      <c r="F306" s="107"/>
    </row>
    <row r="307" spans="2:6" s="4" customFormat="1" ht="29.25" customHeight="1" x14ac:dyDescent="0.25">
      <c r="B307" s="89" t="s">
        <v>421</v>
      </c>
      <c r="C307" s="81" t="s">
        <v>351</v>
      </c>
      <c r="D307" s="60"/>
      <c r="E307" s="106"/>
      <c r="F307" s="107"/>
    </row>
    <row r="308" spans="2:6" s="4" customFormat="1" ht="29.25" customHeight="1" x14ac:dyDescent="0.25">
      <c r="B308" s="58" t="s">
        <v>422</v>
      </c>
      <c r="C308" s="110" t="s">
        <v>423</v>
      </c>
      <c r="D308" s="60"/>
      <c r="E308" s="106"/>
      <c r="F308" s="107"/>
    </row>
    <row r="309" spans="2:6" s="4" customFormat="1" ht="29.25" customHeight="1" x14ac:dyDescent="0.25">
      <c r="B309" s="89" t="s">
        <v>424</v>
      </c>
      <c r="C309" s="81" t="s">
        <v>190</v>
      </c>
      <c r="D309" s="60"/>
      <c r="E309" s="106"/>
      <c r="F309" s="107"/>
    </row>
    <row r="310" spans="2:6" s="4" customFormat="1" ht="29.25" customHeight="1" x14ac:dyDescent="0.25">
      <c r="B310" s="89" t="s">
        <v>425</v>
      </c>
      <c r="C310" s="81" t="s">
        <v>192</v>
      </c>
      <c r="D310" s="60"/>
      <c r="E310" s="106"/>
      <c r="F310" s="107"/>
    </row>
    <row r="311" spans="2:6" s="4" customFormat="1" ht="29.25" customHeight="1" x14ac:dyDescent="0.25">
      <c r="B311" s="89" t="s">
        <v>426</v>
      </c>
      <c r="C311" s="81" t="s">
        <v>194</v>
      </c>
      <c r="D311" s="60"/>
      <c r="E311" s="106"/>
      <c r="F311" s="107"/>
    </row>
    <row r="312" spans="2:6" s="4" customFormat="1" ht="29.25" customHeight="1" x14ac:dyDescent="0.25">
      <c r="B312" s="89" t="s">
        <v>427</v>
      </c>
      <c r="C312" s="81" t="s">
        <v>196</v>
      </c>
      <c r="D312" s="60"/>
      <c r="E312" s="106"/>
      <c r="F312" s="107"/>
    </row>
    <row r="313" spans="2:6" s="4" customFormat="1" ht="29.25" customHeight="1" x14ac:dyDescent="0.25">
      <c r="B313" s="89" t="s">
        <v>428</v>
      </c>
      <c r="C313" s="81" t="s">
        <v>198</v>
      </c>
      <c r="D313" s="60"/>
      <c r="E313" s="106"/>
      <c r="F313" s="107"/>
    </row>
    <row r="314" spans="2:6" s="4" customFormat="1" ht="29.25" customHeight="1" x14ac:dyDescent="0.25">
      <c r="B314" s="58" t="s">
        <v>429</v>
      </c>
      <c r="C314" s="110" t="s">
        <v>430</v>
      </c>
      <c r="D314" s="60"/>
      <c r="E314" s="106"/>
      <c r="F314" s="107"/>
    </row>
    <row r="315" spans="2:6" s="4" customFormat="1" ht="29.25" customHeight="1" x14ac:dyDescent="0.25">
      <c r="B315" s="89" t="s">
        <v>431</v>
      </c>
      <c r="C315" s="81" t="s">
        <v>432</v>
      </c>
      <c r="D315" s="60"/>
      <c r="E315" s="106"/>
      <c r="F315" s="107"/>
    </row>
    <row r="316" spans="2:6" s="4" customFormat="1" ht="29.25" customHeight="1" x14ac:dyDescent="0.25">
      <c r="B316" s="89" t="s">
        <v>433</v>
      </c>
      <c r="C316" s="81" t="s">
        <v>192</v>
      </c>
      <c r="D316" s="60"/>
      <c r="E316" s="106"/>
      <c r="F316" s="107"/>
    </row>
    <row r="317" spans="2:6" s="4" customFormat="1" ht="29.25" customHeight="1" x14ac:dyDescent="0.25">
      <c r="B317" s="89" t="s">
        <v>434</v>
      </c>
      <c r="C317" s="81" t="s">
        <v>435</v>
      </c>
      <c r="D317" s="60"/>
      <c r="E317" s="106"/>
      <c r="F317" s="107"/>
    </row>
    <row r="318" spans="2:6" s="4" customFormat="1" ht="29.25" customHeight="1" x14ac:dyDescent="0.25">
      <c r="B318" s="89" t="s">
        <v>436</v>
      </c>
      <c r="C318" s="81" t="s">
        <v>437</v>
      </c>
      <c r="D318" s="60"/>
      <c r="E318" s="106"/>
      <c r="F318" s="107"/>
    </row>
    <row r="319" spans="2:6" s="4" customFormat="1" ht="29.25" customHeight="1" x14ac:dyDescent="0.25">
      <c r="B319" s="89" t="s">
        <v>438</v>
      </c>
      <c r="C319" s="81" t="s">
        <v>198</v>
      </c>
      <c r="D319" s="60"/>
      <c r="E319" s="106"/>
      <c r="F319" s="107"/>
    </row>
    <row r="320" spans="2:6" s="4" customFormat="1" ht="57" customHeight="1" thickBot="1" x14ac:dyDescent="0.3">
      <c r="B320" s="118" t="s">
        <v>439</v>
      </c>
      <c r="C320" s="90" t="s">
        <v>440</v>
      </c>
      <c r="D320" s="50"/>
      <c r="E320" s="115"/>
      <c r="F320" s="116"/>
    </row>
    <row r="321" spans="2:6" s="3" customFormat="1" ht="5.0999999999999996" customHeight="1" x14ac:dyDescent="0.25">
      <c r="B321" s="5"/>
      <c r="C321" s="5"/>
      <c r="D321" s="7"/>
      <c r="E321" s="7"/>
      <c r="F321" s="23"/>
    </row>
    <row r="322" spans="2:6" s="2" customFormat="1" ht="20.100000000000001" customHeight="1" x14ac:dyDescent="0.25">
      <c r="B322" s="150" t="s">
        <v>447</v>
      </c>
      <c r="C322" s="150"/>
      <c r="D322" s="150"/>
      <c r="E322" s="150"/>
      <c r="F322" s="150"/>
    </row>
    <row r="323" spans="2:6" s="2" customFormat="1" ht="5.0999999999999996" customHeight="1" thickBot="1" x14ac:dyDescent="0.3">
      <c r="B323" s="15"/>
      <c r="C323" s="3"/>
      <c r="D323" s="105"/>
      <c r="E323" s="105"/>
      <c r="F323" s="105"/>
    </row>
    <row r="324" spans="2:6" s="3" customFormat="1" ht="81.75" customHeight="1" x14ac:dyDescent="0.25">
      <c r="B324" s="151" t="s">
        <v>445</v>
      </c>
      <c r="C324" s="199"/>
      <c r="D324" s="201" t="s">
        <v>446</v>
      </c>
      <c r="E324" s="202"/>
      <c r="F324" s="203"/>
    </row>
    <row r="325" spans="2:6" s="3" customFormat="1" ht="52.5" customHeight="1" thickBot="1" x14ac:dyDescent="0.3">
      <c r="B325" s="153"/>
      <c r="C325" s="200"/>
      <c r="D325" s="21" t="s">
        <v>6</v>
      </c>
      <c r="E325" s="163" t="s">
        <v>27</v>
      </c>
      <c r="F325" s="164"/>
    </row>
    <row r="326" spans="2:6" s="2" customFormat="1" ht="62.25" customHeight="1" x14ac:dyDescent="0.25">
      <c r="B326" s="43" t="s">
        <v>13</v>
      </c>
      <c r="C326" s="120" t="s">
        <v>448</v>
      </c>
      <c r="D326" s="42"/>
      <c r="E326" s="197"/>
      <c r="F326" s="198"/>
    </row>
    <row r="327" spans="2:6" s="2" customFormat="1" ht="61.5" customHeight="1" x14ac:dyDescent="0.25">
      <c r="B327" s="41" t="s">
        <v>51</v>
      </c>
      <c r="C327" s="95" t="s">
        <v>449</v>
      </c>
      <c r="D327" s="42"/>
      <c r="E327" s="97"/>
      <c r="F327" s="54"/>
    </row>
    <row r="328" spans="2:6" s="2" customFormat="1" ht="32.25" customHeight="1" x14ac:dyDescent="0.25">
      <c r="B328" s="121" t="s">
        <v>52</v>
      </c>
      <c r="C328" s="122" t="s">
        <v>450</v>
      </c>
      <c r="D328" s="42"/>
      <c r="E328" s="97"/>
      <c r="F328" s="54"/>
    </row>
    <row r="329" spans="2:6" s="2" customFormat="1" ht="30" customHeight="1" x14ac:dyDescent="0.25">
      <c r="B329" s="123" t="s">
        <v>91</v>
      </c>
      <c r="C329" s="124" t="s">
        <v>451</v>
      </c>
      <c r="D329" s="42"/>
      <c r="E329" s="144"/>
      <c r="F329" s="145"/>
    </row>
    <row r="330" spans="2:6" s="2" customFormat="1" ht="36" customHeight="1" x14ac:dyDescent="0.25">
      <c r="B330" s="125" t="s">
        <v>92</v>
      </c>
      <c r="C330" s="126" t="s">
        <v>452</v>
      </c>
      <c r="D330" s="42"/>
      <c r="E330" s="97"/>
      <c r="F330" s="54"/>
    </row>
    <row r="331" spans="2:6" s="2" customFormat="1" ht="30" customHeight="1" x14ac:dyDescent="0.25">
      <c r="B331" s="125" t="s">
        <v>94</v>
      </c>
      <c r="C331" s="127" t="s">
        <v>453</v>
      </c>
      <c r="D331" s="42"/>
      <c r="E331" s="97"/>
      <c r="F331" s="54"/>
    </row>
    <row r="332" spans="2:6" s="2" customFormat="1" ht="48.75" customHeight="1" x14ac:dyDescent="0.25">
      <c r="B332" s="128" t="s">
        <v>246</v>
      </c>
      <c r="C332" s="127" t="s">
        <v>454</v>
      </c>
      <c r="D332" s="42"/>
      <c r="E332" s="97"/>
      <c r="F332" s="54"/>
    </row>
    <row r="333" spans="2:6" s="2" customFormat="1" ht="134.25" customHeight="1" x14ac:dyDescent="0.25">
      <c r="B333" s="129" t="s">
        <v>252</v>
      </c>
      <c r="C333" s="130" t="s">
        <v>455</v>
      </c>
      <c r="D333" s="42"/>
      <c r="E333" s="97"/>
      <c r="F333" s="54"/>
    </row>
    <row r="334" spans="2:6" s="2" customFormat="1" ht="154.5" customHeight="1" x14ac:dyDescent="0.25">
      <c r="B334" s="41" t="s">
        <v>53</v>
      </c>
      <c r="C334" s="95" t="s">
        <v>456</v>
      </c>
      <c r="D334" s="42"/>
      <c r="E334" s="97"/>
      <c r="F334" s="54"/>
    </row>
    <row r="335" spans="2:6" s="2" customFormat="1" ht="52.5" customHeight="1" x14ac:dyDescent="0.25">
      <c r="B335" s="41" t="s">
        <v>105</v>
      </c>
      <c r="C335" s="95" t="s">
        <v>457</v>
      </c>
      <c r="D335" s="42"/>
      <c r="E335" s="97"/>
      <c r="F335" s="54"/>
    </row>
    <row r="336" spans="2:6" s="2" customFormat="1" ht="66" customHeight="1" x14ac:dyDescent="0.25">
      <c r="B336" s="41" t="s">
        <v>458</v>
      </c>
      <c r="C336" s="95" t="s">
        <v>459</v>
      </c>
      <c r="D336" s="42"/>
      <c r="E336" s="192"/>
      <c r="F336" s="193"/>
    </row>
    <row r="337" spans="2:6" s="2" customFormat="1" ht="71.25" customHeight="1" x14ac:dyDescent="0.25">
      <c r="B337" s="41" t="s">
        <v>460</v>
      </c>
      <c r="C337" s="131" t="s">
        <v>461</v>
      </c>
      <c r="D337" s="42"/>
      <c r="E337" s="192"/>
      <c r="F337" s="193"/>
    </row>
    <row r="338" spans="2:6" s="2" customFormat="1" ht="93.75" customHeight="1" x14ac:dyDescent="0.25">
      <c r="B338" s="41" t="s">
        <v>462</v>
      </c>
      <c r="C338" s="96" t="s">
        <v>463</v>
      </c>
      <c r="D338" s="42"/>
      <c r="E338" s="91"/>
      <c r="F338" s="92"/>
    </row>
    <row r="339" spans="2:6" s="2" customFormat="1" ht="32.25" customHeight="1" x14ac:dyDescent="0.25">
      <c r="B339" s="137" t="s">
        <v>464</v>
      </c>
      <c r="C339" s="122" t="s">
        <v>465</v>
      </c>
      <c r="D339" s="42"/>
      <c r="E339" s="192"/>
      <c r="F339" s="193"/>
    </row>
    <row r="340" spans="2:6" s="2" customFormat="1" ht="44.25" customHeight="1" x14ac:dyDescent="0.25">
      <c r="B340" s="138"/>
      <c r="C340" s="127" t="s">
        <v>466</v>
      </c>
      <c r="D340" s="42"/>
      <c r="E340" s="192"/>
      <c r="F340" s="193"/>
    </row>
    <row r="341" spans="2:6" s="2" customFormat="1" ht="63" customHeight="1" x14ac:dyDescent="0.25">
      <c r="B341" s="138"/>
      <c r="C341" s="132" t="s">
        <v>467</v>
      </c>
      <c r="D341" s="42"/>
      <c r="E341" s="192"/>
      <c r="F341" s="193"/>
    </row>
    <row r="342" spans="2:6" s="2" customFormat="1" ht="28.5" customHeight="1" x14ac:dyDescent="0.25">
      <c r="B342" s="138"/>
      <c r="C342" s="126" t="s">
        <v>468</v>
      </c>
      <c r="D342" s="42"/>
      <c r="E342" s="91"/>
      <c r="F342" s="92"/>
    </row>
    <row r="343" spans="2:6" s="2" customFormat="1" ht="27.75" customHeight="1" x14ac:dyDescent="0.25">
      <c r="B343" s="138"/>
      <c r="C343" s="127" t="s">
        <v>469</v>
      </c>
      <c r="D343" s="42"/>
      <c r="E343" s="192"/>
      <c r="F343" s="193"/>
    </row>
    <row r="344" spans="2:6" s="2" customFormat="1" ht="70.5" customHeight="1" x14ac:dyDescent="0.25">
      <c r="B344" s="138"/>
      <c r="C344" s="127" t="s">
        <v>470</v>
      </c>
      <c r="D344" s="42"/>
      <c r="E344" s="192"/>
      <c r="F344" s="193"/>
    </row>
    <row r="345" spans="2:6" s="2" customFormat="1" ht="60" customHeight="1" x14ac:dyDescent="0.25">
      <c r="B345" s="139"/>
      <c r="C345" s="130" t="s">
        <v>471</v>
      </c>
      <c r="D345" s="42"/>
      <c r="E345" s="91"/>
      <c r="F345" s="92"/>
    </row>
    <row r="346" spans="2:6" s="2" customFormat="1" ht="120.75" customHeight="1" x14ac:dyDescent="0.25">
      <c r="B346" s="133" t="s">
        <v>472</v>
      </c>
      <c r="C346" s="119" t="s">
        <v>473</v>
      </c>
      <c r="D346" s="42"/>
      <c r="E346" s="192"/>
      <c r="F346" s="193"/>
    </row>
    <row r="347" spans="2:6" s="2" customFormat="1" ht="267.75" customHeight="1" x14ac:dyDescent="0.25">
      <c r="B347" s="41" t="s">
        <v>474</v>
      </c>
      <c r="C347" s="95" t="s">
        <v>475</v>
      </c>
      <c r="D347" s="42"/>
      <c r="E347" s="192"/>
      <c r="F347" s="193"/>
    </row>
    <row r="348" spans="2:6" s="2" customFormat="1" ht="129" customHeight="1" x14ac:dyDescent="0.25">
      <c r="B348" s="134" t="s">
        <v>476</v>
      </c>
      <c r="C348" s="96" t="s">
        <v>477</v>
      </c>
      <c r="D348" s="42"/>
      <c r="E348" s="192"/>
      <c r="F348" s="193"/>
    </row>
    <row r="349" spans="2:6" s="2" customFormat="1" ht="126.75" customHeight="1" x14ac:dyDescent="0.25">
      <c r="B349" s="135" t="s">
        <v>478</v>
      </c>
      <c r="C349" s="95" t="s">
        <v>479</v>
      </c>
      <c r="D349" s="42"/>
      <c r="E349" s="192"/>
      <c r="F349" s="193"/>
    </row>
    <row r="350" spans="2:6" s="2" customFormat="1" ht="109.5" customHeight="1" x14ac:dyDescent="0.25">
      <c r="B350" s="41" t="s">
        <v>480</v>
      </c>
      <c r="C350" s="95" t="s">
        <v>481</v>
      </c>
      <c r="D350" s="42"/>
      <c r="E350" s="192"/>
      <c r="F350" s="193"/>
    </row>
    <row r="351" spans="2:6" s="2" customFormat="1" ht="42.75" customHeight="1" x14ac:dyDescent="0.25">
      <c r="B351" s="134" t="s">
        <v>482</v>
      </c>
      <c r="C351" s="95" t="s">
        <v>483</v>
      </c>
      <c r="D351" s="42"/>
      <c r="E351" s="192"/>
      <c r="F351" s="193"/>
    </row>
    <row r="352" spans="2:6" s="2" customFormat="1" ht="61.5" customHeight="1" x14ac:dyDescent="0.25">
      <c r="B352" s="134" t="s">
        <v>484</v>
      </c>
      <c r="C352" s="119" t="s">
        <v>485</v>
      </c>
      <c r="D352" s="42"/>
      <c r="E352" s="192"/>
      <c r="F352" s="193"/>
    </row>
    <row r="353" spans="2:7" s="2" customFormat="1" ht="84.75" customHeight="1" x14ac:dyDescent="0.25">
      <c r="B353" s="41" t="s">
        <v>486</v>
      </c>
      <c r="C353" s="95" t="s">
        <v>487</v>
      </c>
      <c r="D353" s="42"/>
      <c r="E353" s="194"/>
      <c r="F353" s="195"/>
    </row>
    <row r="354" spans="2:7" s="2" customFormat="1" ht="225.75" customHeight="1" x14ac:dyDescent="0.25">
      <c r="B354" s="41" t="s">
        <v>488</v>
      </c>
      <c r="C354" s="136" t="s">
        <v>489</v>
      </c>
      <c r="D354" s="42"/>
      <c r="E354" s="194"/>
      <c r="F354" s="195"/>
    </row>
    <row r="355" spans="2:7" s="2" customFormat="1" ht="100.5" customHeight="1" x14ac:dyDescent="0.25">
      <c r="B355" s="133" t="s">
        <v>490</v>
      </c>
      <c r="C355" s="95" t="s">
        <v>491</v>
      </c>
      <c r="D355" s="42"/>
      <c r="E355" s="194"/>
      <c r="F355" s="195"/>
    </row>
    <row r="356" spans="2:7" s="2" customFormat="1" ht="117" customHeight="1" x14ac:dyDescent="0.25">
      <c r="B356" s="41" t="s">
        <v>492</v>
      </c>
      <c r="C356" s="95" t="s">
        <v>493</v>
      </c>
      <c r="D356" s="42"/>
      <c r="E356" s="194"/>
      <c r="F356" s="195"/>
    </row>
    <row r="357" spans="2:7" s="2" customFormat="1" ht="118.5" customHeight="1" x14ac:dyDescent="0.25">
      <c r="B357" s="41" t="s">
        <v>494</v>
      </c>
      <c r="C357" s="95" t="s">
        <v>495</v>
      </c>
      <c r="D357" s="42"/>
      <c r="E357" s="194"/>
      <c r="F357" s="195"/>
    </row>
    <row r="358" spans="2:7" s="2" customFormat="1" ht="61.5" customHeight="1" thickBot="1" x14ac:dyDescent="0.3">
      <c r="B358" s="41" t="s">
        <v>496</v>
      </c>
      <c r="C358" s="95" t="s">
        <v>497</v>
      </c>
      <c r="D358" s="50"/>
      <c r="E358" s="194"/>
      <c r="F358" s="195"/>
    </row>
    <row r="359" spans="2:7" s="3" customFormat="1" ht="4.5" customHeight="1" x14ac:dyDescent="0.25">
      <c r="B359" s="93"/>
      <c r="C359" s="94"/>
      <c r="D359" s="7"/>
      <c r="E359" s="7"/>
      <c r="F359" s="23"/>
      <c r="G359" s="2"/>
    </row>
    <row r="360" spans="2:7" s="2" customFormat="1" ht="20.100000000000001" customHeight="1" x14ac:dyDescent="0.25">
      <c r="B360" s="150" t="s">
        <v>47</v>
      </c>
      <c r="C360" s="150"/>
      <c r="D360" s="150"/>
      <c r="E360" s="150"/>
      <c r="F360" s="150"/>
    </row>
    <row r="361" spans="2:7" s="2" customFormat="1" ht="4.5" customHeight="1" thickBot="1" x14ac:dyDescent="0.3">
      <c r="C361" s="3"/>
    </row>
    <row r="362" spans="2:7" s="2" customFormat="1" ht="80.25" customHeight="1" x14ac:dyDescent="0.25">
      <c r="B362" s="151" t="s">
        <v>48</v>
      </c>
      <c r="C362" s="152"/>
      <c r="D362" s="160" t="s">
        <v>49</v>
      </c>
      <c r="E362" s="161"/>
      <c r="F362" s="162"/>
    </row>
    <row r="363" spans="2:7" s="3" customFormat="1" ht="29.25" customHeight="1" thickBot="1" x14ac:dyDescent="0.3">
      <c r="B363" s="153"/>
      <c r="C363" s="154"/>
      <c r="D363" s="21" t="s">
        <v>6</v>
      </c>
      <c r="E363" s="182" t="s">
        <v>27</v>
      </c>
      <c r="F363" s="183"/>
      <c r="G363" s="2"/>
    </row>
    <row r="364" spans="2:7" s="3" customFormat="1" ht="27" customHeight="1" x14ac:dyDescent="0.25">
      <c r="B364" s="43" t="s">
        <v>13</v>
      </c>
      <c r="C364" s="68" t="s">
        <v>55</v>
      </c>
      <c r="D364" s="44"/>
      <c r="E364" s="190"/>
      <c r="F364" s="191"/>
      <c r="G364" s="2"/>
    </row>
    <row r="365" spans="2:7" s="3" customFormat="1" ht="59.25" customHeight="1" thickBot="1" x14ac:dyDescent="0.3">
      <c r="B365" s="41" t="s">
        <v>51</v>
      </c>
      <c r="C365" s="69" t="s">
        <v>56</v>
      </c>
      <c r="D365" s="46"/>
      <c r="E365" s="55"/>
      <c r="F365" s="54"/>
      <c r="G365" s="2"/>
    </row>
    <row r="366" spans="2:7" s="3" customFormat="1" ht="54" customHeight="1" x14ac:dyDescent="0.25">
      <c r="B366" s="51" t="s">
        <v>52</v>
      </c>
      <c r="C366" s="70" t="s">
        <v>57</v>
      </c>
      <c r="D366" s="53"/>
      <c r="E366" s="196"/>
      <c r="F366" s="145"/>
      <c r="G366" s="2"/>
    </row>
    <row r="367" spans="2:7" s="3" customFormat="1" ht="30.75" customHeight="1" thickBot="1" x14ac:dyDescent="0.3">
      <c r="B367" s="45" t="s">
        <v>53</v>
      </c>
      <c r="C367" s="47" t="s">
        <v>50</v>
      </c>
      <c r="D367" s="46"/>
      <c r="E367" s="180"/>
      <c r="F367" s="181"/>
      <c r="G367" s="2"/>
    </row>
    <row r="368" spans="2:7" s="2" customFormat="1" ht="5.0999999999999996" customHeight="1" x14ac:dyDescent="0.25">
      <c r="B368" s="5"/>
      <c r="C368" s="5"/>
      <c r="D368" s="7"/>
      <c r="E368" s="7"/>
      <c r="F368" s="23"/>
    </row>
    <row r="369" spans="2:7" s="2" customFormat="1" ht="20.100000000000001" customHeight="1" x14ac:dyDescent="0.25">
      <c r="B369" s="150" t="s">
        <v>12</v>
      </c>
      <c r="C369" s="150"/>
      <c r="D369" s="150"/>
      <c r="E369" s="150"/>
      <c r="F369" s="150"/>
    </row>
    <row r="370" spans="2:7" s="3" customFormat="1" ht="30" customHeight="1" x14ac:dyDescent="0.25">
      <c r="B370" s="5" t="s">
        <v>14</v>
      </c>
      <c r="C370" s="177" t="s">
        <v>59</v>
      </c>
      <c r="D370" s="177"/>
      <c r="E370" s="177"/>
      <c r="F370" s="177"/>
      <c r="G370" s="2"/>
    </row>
    <row r="371" spans="2:7" s="25" customFormat="1" ht="30" customHeight="1" x14ac:dyDescent="0.25">
      <c r="B371" s="5" t="s">
        <v>28</v>
      </c>
      <c r="C371" s="177" t="s">
        <v>29</v>
      </c>
      <c r="D371" s="177"/>
      <c r="E371" s="177"/>
      <c r="F371" s="177"/>
      <c r="G371" s="2"/>
    </row>
    <row r="372" spans="2:7" s="25" customFormat="1" ht="30" customHeight="1" x14ac:dyDescent="0.25">
      <c r="B372" s="178" t="s">
        <v>30</v>
      </c>
      <c r="C372" s="178"/>
      <c r="D372" s="178"/>
      <c r="E372" s="178"/>
      <c r="F372" s="3"/>
      <c r="G372" s="2"/>
    </row>
    <row r="373" spans="2:7" s="2" customFormat="1" ht="24.95" customHeight="1" x14ac:dyDescent="0.25">
      <c r="B373" s="24" t="s">
        <v>31</v>
      </c>
      <c r="C373" s="175"/>
      <c r="D373" s="175"/>
      <c r="F373" s="25"/>
    </row>
    <row r="374" spans="2:7" s="2" customFormat="1" ht="24.95" customHeight="1" x14ac:dyDescent="0.25">
      <c r="B374" s="24" t="s">
        <v>32</v>
      </c>
      <c r="C374" s="175"/>
      <c r="D374" s="175"/>
      <c r="F374" s="25"/>
    </row>
    <row r="375" spans="2:7" s="2" customFormat="1" ht="24.95" customHeight="1" x14ac:dyDescent="0.25">
      <c r="B375" s="24" t="s">
        <v>33</v>
      </c>
      <c r="C375" s="175"/>
      <c r="D375" s="175"/>
      <c r="F375" s="25"/>
    </row>
    <row r="376" spans="2:7" s="3" customFormat="1" ht="24.95" customHeight="1" x14ac:dyDescent="0.25">
      <c r="B376" s="24" t="s">
        <v>34</v>
      </c>
      <c r="C376" s="175"/>
      <c r="D376" s="175"/>
      <c r="E376" s="2"/>
      <c r="F376" s="26"/>
      <c r="G376" s="2"/>
    </row>
    <row r="377" spans="2:7" s="2" customFormat="1" ht="14.25" customHeight="1" x14ac:dyDescent="0.2">
      <c r="B377" s="11"/>
      <c r="C377" s="71"/>
      <c r="D377" s="12"/>
      <c r="F377" s="27"/>
    </row>
    <row r="378" spans="2:7" s="3" customFormat="1" ht="15" customHeight="1" x14ac:dyDescent="0.25">
      <c r="B378" s="179" t="s">
        <v>35</v>
      </c>
      <c r="C378" s="179"/>
      <c r="D378" s="179"/>
      <c r="E378" s="179"/>
      <c r="F378" s="179"/>
    </row>
    <row r="379" spans="2:7" s="2" customFormat="1" ht="36.75" customHeight="1" x14ac:dyDescent="0.25">
      <c r="B379" s="176" t="s">
        <v>44</v>
      </c>
      <c r="C379" s="176"/>
      <c r="D379" s="176"/>
      <c r="E379" s="176"/>
      <c r="F379" s="176"/>
    </row>
    <row r="380" spans="2:7" s="2" customFormat="1" ht="20.100000000000001" customHeight="1" x14ac:dyDescent="0.2">
      <c r="B380" s="1"/>
      <c r="C380" s="3"/>
      <c r="D380" s="8"/>
      <c r="E380" s="8"/>
    </row>
    <row r="381" spans="2:7" s="3" customFormat="1" ht="4.5" customHeight="1" x14ac:dyDescent="0.2">
      <c r="B381" s="1"/>
      <c r="D381" s="8"/>
      <c r="E381" s="8"/>
      <c r="F381" s="2"/>
    </row>
    <row r="382" spans="2:7" s="3" customFormat="1" ht="20.100000000000001" customHeight="1" x14ac:dyDescent="0.25">
      <c r="B382" s="28" t="s">
        <v>36</v>
      </c>
      <c r="C382" s="72"/>
      <c r="D382" s="29" t="s">
        <v>37</v>
      </c>
      <c r="E382" s="173"/>
      <c r="F382" s="173"/>
    </row>
    <row r="383" spans="2:7" s="3" customFormat="1" ht="20.100000000000001" customHeight="1" x14ac:dyDescent="0.25">
      <c r="B383" s="30"/>
      <c r="C383" s="73"/>
      <c r="D383" s="30"/>
      <c r="E383" s="31"/>
      <c r="F383" s="31"/>
    </row>
    <row r="384" spans="2:7" ht="20.100000000000001" customHeight="1" x14ac:dyDescent="0.2">
      <c r="B384" s="28" t="s">
        <v>38</v>
      </c>
      <c r="C384" s="72"/>
      <c r="D384" s="32" t="s">
        <v>39</v>
      </c>
      <c r="E384" s="174"/>
      <c r="F384" s="174"/>
    </row>
    <row r="385" spans="2:6" s="2" customFormat="1" ht="20.100000000000001" customHeight="1" x14ac:dyDescent="0.2">
      <c r="B385" s="1"/>
      <c r="C385" s="3"/>
      <c r="D385" s="32" t="s">
        <v>40</v>
      </c>
      <c r="E385" s="175"/>
      <c r="F385" s="175"/>
    </row>
    <row r="386" spans="2:6" s="2" customFormat="1" ht="20.100000000000001" customHeight="1" x14ac:dyDescent="0.2">
      <c r="B386" s="1"/>
      <c r="C386" s="3"/>
      <c r="D386" s="33" t="s">
        <v>41</v>
      </c>
      <c r="E386" s="1"/>
    </row>
    <row r="387" spans="2:6" s="2" customFormat="1" ht="37.5" customHeight="1" x14ac:dyDescent="0.25">
      <c r="C387" s="3"/>
    </row>
    <row r="388" spans="2:6" s="2" customFormat="1" ht="24" customHeight="1" x14ac:dyDescent="0.25">
      <c r="C388" s="3"/>
    </row>
    <row r="389" spans="2:6" s="2" customFormat="1" ht="24" customHeight="1" x14ac:dyDescent="0.25">
      <c r="C389" s="3"/>
    </row>
    <row r="390" spans="2:6" s="2" customFormat="1" ht="24" customHeight="1" x14ac:dyDescent="0.25">
      <c r="C390" s="3"/>
    </row>
    <row r="391" spans="2:6" s="2" customFormat="1" ht="20.100000000000001" customHeight="1" x14ac:dyDescent="0.25">
      <c r="C391" s="3"/>
    </row>
    <row r="392" spans="2:6" s="2" customFormat="1" ht="20.100000000000001" customHeight="1" x14ac:dyDescent="0.25">
      <c r="C392" s="3"/>
    </row>
    <row r="393" spans="2:6" s="2" customFormat="1" ht="50.1" customHeight="1" x14ac:dyDescent="0.25">
      <c r="C393" s="3"/>
    </row>
    <row r="394" spans="2:6" s="2" customFormat="1" ht="43.5" customHeight="1" x14ac:dyDescent="0.25">
      <c r="C394" s="3"/>
    </row>
    <row r="395" spans="2:6" ht="24.75" customHeight="1" x14ac:dyDescent="0.2">
      <c r="B395" s="2"/>
      <c r="D395" s="2"/>
      <c r="E395" s="2"/>
    </row>
    <row r="396" spans="2:6" x14ac:dyDescent="0.2">
      <c r="B396" s="2"/>
      <c r="D396" s="2"/>
      <c r="E396" s="2"/>
    </row>
    <row r="397" spans="2:6" ht="20.100000000000001" customHeight="1" x14ac:dyDescent="0.2"/>
    <row r="398" spans="2:6" ht="4.5" customHeight="1" x14ac:dyDescent="0.2"/>
    <row r="399" spans="2:6" ht="20.100000000000001" customHeight="1" x14ac:dyDescent="0.2"/>
    <row r="400" spans="2:6" ht="20.100000000000001" customHeight="1" x14ac:dyDescent="0.2"/>
    <row r="401" ht="20.100000000000001" customHeight="1" x14ac:dyDescent="0.2"/>
  </sheetData>
  <mergeCells count="260">
    <mergeCell ref="E242:F242"/>
    <mergeCell ref="E243:F243"/>
    <mergeCell ref="E221:F221"/>
    <mergeCell ref="E222:F222"/>
    <mergeCell ref="E223:F223"/>
    <mergeCell ref="E235:F235"/>
    <mergeCell ref="E236:F236"/>
    <mergeCell ref="E237:F237"/>
    <mergeCell ref="E238:F238"/>
    <mergeCell ref="E239:F239"/>
    <mergeCell ref="E240:F240"/>
    <mergeCell ref="E213:F213"/>
    <mergeCell ref="E214:F214"/>
    <mergeCell ref="E215:F215"/>
    <mergeCell ref="E216:F216"/>
    <mergeCell ref="E217:F217"/>
    <mergeCell ref="E218:F218"/>
    <mergeCell ref="E219:F219"/>
    <mergeCell ref="E220:F220"/>
    <mergeCell ref="E241:F241"/>
    <mergeCell ref="E204:F204"/>
    <mergeCell ref="E205:F205"/>
    <mergeCell ref="E206:F206"/>
    <mergeCell ref="E207:F207"/>
    <mergeCell ref="E208:F208"/>
    <mergeCell ref="E209:F209"/>
    <mergeCell ref="E210:F210"/>
    <mergeCell ref="E211:F211"/>
    <mergeCell ref="E212:F212"/>
    <mergeCell ref="E196:F196"/>
    <mergeCell ref="B189:F189"/>
    <mergeCell ref="E197:F197"/>
    <mergeCell ref="E198:F198"/>
    <mergeCell ref="E199:F199"/>
    <mergeCell ref="E200:F200"/>
    <mergeCell ref="E201:F201"/>
    <mergeCell ref="E202:F202"/>
    <mergeCell ref="E203:F203"/>
    <mergeCell ref="E186:F186"/>
    <mergeCell ref="E187:F187"/>
    <mergeCell ref="E188:F188"/>
    <mergeCell ref="E190:F190"/>
    <mergeCell ref="E191:F191"/>
    <mergeCell ref="E192:F192"/>
    <mergeCell ref="E193:F193"/>
    <mergeCell ref="E194:F194"/>
    <mergeCell ref="E195:F195"/>
    <mergeCell ref="E178:F178"/>
    <mergeCell ref="C174:F174"/>
    <mergeCell ref="E179:F179"/>
    <mergeCell ref="E180:F180"/>
    <mergeCell ref="E181:F181"/>
    <mergeCell ref="E182:F182"/>
    <mergeCell ref="E183:F183"/>
    <mergeCell ref="E184:F184"/>
    <mergeCell ref="E185:F185"/>
    <mergeCell ref="E168:F168"/>
    <mergeCell ref="E169:F169"/>
    <mergeCell ref="E170:F170"/>
    <mergeCell ref="E171:F171"/>
    <mergeCell ref="E172:F172"/>
    <mergeCell ref="E173:F173"/>
    <mergeCell ref="E175:F175"/>
    <mergeCell ref="E176:F176"/>
    <mergeCell ref="E177:F177"/>
    <mergeCell ref="E153:F153"/>
    <mergeCell ref="E154:F154"/>
    <mergeCell ref="E155:F155"/>
    <mergeCell ref="E156:F156"/>
    <mergeCell ref="E157:F157"/>
    <mergeCell ref="E164:F164"/>
    <mergeCell ref="E165:F165"/>
    <mergeCell ref="E166:F166"/>
    <mergeCell ref="E167:F167"/>
    <mergeCell ref="E145:F145"/>
    <mergeCell ref="E146:F146"/>
    <mergeCell ref="B141:F141"/>
    <mergeCell ref="E147:F147"/>
    <mergeCell ref="E148:F148"/>
    <mergeCell ref="E149:F149"/>
    <mergeCell ref="E150:F150"/>
    <mergeCell ref="E151:F151"/>
    <mergeCell ref="E152:F152"/>
    <mergeCell ref="E135:F135"/>
    <mergeCell ref="E136:F136"/>
    <mergeCell ref="E137:F137"/>
    <mergeCell ref="E138:F138"/>
    <mergeCell ref="E139:F139"/>
    <mergeCell ref="E140:F140"/>
    <mergeCell ref="E142:F142"/>
    <mergeCell ref="E143:F143"/>
    <mergeCell ref="E144:F144"/>
    <mergeCell ref="E126:F126"/>
    <mergeCell ref="E127:F127"/>
    <mergeCell ref="E128:F128"/>
    <mergeCell ref="E129:F129"/>
    <mergeCell ref="E130:F130"/>
    <mergeCell ref="E131:F131"/>
    <mergeCell ref="E132:F132"/>
    <mergeCell ref="E133:F133"/>
    <mergeCell ref="E134:F134"/>
    <mergeCell ref="E114:F114"/>
    <mergeCell ref="E115:F115"/>
    <mergeCell ref="E116:F116"/>
    <mergeCell ref="E120:F120"/>
    <mergeCell ref="E121:F121"/>
    <mergeCell ref="E122:F122"/>
    <mergeCell ref="E123:F123"/>
    <mergeCell ref="E124:F124"/>
    <mergeCell ref="E125:F125"/>
    <mergeCell ref="E105:F105"/>
    <mergeCell ref="E106:F106"/>
    <mergeCell ref="E107:F107"/>
    <mergeCell ref="E108:F108"/>
    <mergeCell ref="E109:F109"/>
    <mergeCell ref="E110:F110"/>
    <mergeCell ref="E111:F111"/>
    <mergeCell ref="E112:F112"/>
    <mergeCell ref="E113:F113"/>
    <mergeCell ref="E366:F366"/>
    <mergeCell ref="E336:F336"/>
    <mergeCell ref="E325:F325"/>
    <mergeCell ref="E74:F74"/>
    <mergeCell ref="E326:F326"/>
    <mergeCell ref="E45:F45"/>
    <mergeCell ref="E68:F68"/>
    <mergeCell ref="E71:F71"/>
    <mergeCell ref="E72:F72"/>
    <mergeCell ref="E73:F73"/>
    <mergeCell ref="B322:F322"/>
    <mergeCell ref="B324:C325"/>
    <mergeCell ref="D324:F324"/>
    <mergeCell ref="E349:F349"/>
    <mergeCell ref="E350:F350"/>
    <mergeCell ref="E351:F351"/>
    <mergeCell ref="E76:F76"/>
    <mergeCell ref="E77:F77"/>
    <mergeCell ref="E78:F78"/>
    <mergeCell ref="E79:F79"/>
    <mergeCell ref="E96:F96"/>
    <mergeCell ref="E97:F97"/>
    <mergeCell ref="E98:F98"/>
    <mergeCell ref="E99:F99"/>
    <mergeCell ref="E364:F364"/>
    <mergeCell ref="E339:F339"/>
    <mergeCell ref="E340:F340"/>
    <mergeCell ref="E341:F341"/>
    <mergeCell ref="E343:F343"/>
    <mergeCell ref="E344:F344"/>
    <mergeCell ref="E346:F346"/>
    <mergeCell ref="E337:F337"/>
    <mergeCell ref="E356:F356"/>
    <mergeCell ref="E357:F357"/>
    <mergeCell ref="E358:F358"/>
    <mergeCell ref="E355:F355"/>
    <mergeCell ref="E352:F352"/>
    <mergeCell ref="E353:F353"/>
    <mergeCell ref="E354:F354"/>
    <mergeCell ref="E347:F347"/>
    <mergeCell ref="E348:F348"/>
    <mergeCell ref="B3:F3"/>
    <mergeCell ref="B7:F7"/>
    <mergeCell ref="B8:F8"/>
    <mergeCell ref="B11:F11"/>
    <mergeCell ref="B12:D12"/>
    <mergeCell ref="B2:F2"/>
    <mergeCell ref="B23:C23"/>
    <mergeCell ref="B26:C26"/>
    <mergeCell ref="B9:F9"/>
    <mergeCell ref="B13:D13"/>
    <mergeCell ref="B42:F42"/>
    <mergeCell ref="E43:F43"/>
    <mergeCell ref="E44:F44"/>
    <mergeCell ref="E80:F80"/>
    <mergeCell ref="E382:F382"/>
    <mergeCell ref="E384:F384"/>
    <mergeCell ref="E385:F385"/>
    <mergeCell ref="B379:F379"/>
    <mergeCell ref="B369:F369"/>
    <mergeCell ref="C370:F370"/>
    <mergeCell ref="C371:F371"/>
    <mergeCell ref="B372:E372"/>
    <mergeCell ref="B378:F378"/>
    <mergeCell ref="C373:D373"/>
    <mergeCell ref="C374:D374"/>
    <mergeCell ref="C375:D375"/>
    <mergeCell ref="C376:D376"/>
    <mergeCell ref="E367:F367"/>
    <mergeCell ref="B360:F360"/>
    <mergeCell ref="B362:C363"/>
    <mergeCell ref="D362:F362"/>
    <mergeCell ref="E363:F363"/>
    <mergeCell ref="E69:F69"/>
    <mergeCell ref="E70:F70"/>
    <mergeCell ref="B38:F38"/>
    <mergeCell ref="B40:C41"/>
    <mergeCell ref="B19:F19"/>
    <mergeCell ref="B20:D20"/>
    <mergeCell ref="B21:F21"/>
    <mergeCell ref="B16:D16"/>
    <mergeCell ref="B17:D17"/>
    <mergeCell ref="B18:F18"/>
    <mergeCell ref="C28:D28"/>
    <mergeCell ref="D40:F40"/>
    <mergeCell ref="E41:F41"/>
    <mergeCell ref="B22:F22"/>
    <mergeCell ref="C27:D27"/>
    <mergeCell ref="B34:C34"/>
    <mergeCell ref="C29:D29"/>
    <mergeCell ref="C30:D30"/>
    <mergeCell ref="C32:D32"/>
    <mergeCell ref="C31:D31"/>
    <mergeCell ref="E59:F59"/>
    <mergeCell ref="E65:F65"/>
    <mergeCell ref="E66:F66"/>
    <mergeCell ref="E67:F67"/>
    <mergeCell ref="E84:F84"/>
    <mergeCell ref="E117:F117"/>
    <mergeCell ref="E118:F118"/>
    <mergeCell ref="E119:F119"/>
    <mergeCell ref="E82:F82"/>
    <mergeCell ref="E85:F85"/>
    <mergeCell ref="E86:F86"/>
    <mergeCell ref="E87:F87"/>
    <mergeCell ref="E88:F88"/>
    <mergeCell ref="E89:F89"/>
    <mergeCell ref="E90:F90"/>
    <mergeCell ref="E91:F91"/>
    <mergeCell ref="E93:F93"/>
    <mergeCell ref="E94:F94"/>
    <mergeCell ref="E95:F95"/>
    <mergeCell ref="E100:F100"/>
    <mergeCell ref="E101:F101"/>
    <mergeCell ref="E102:F102"/>
    <mergeCell ref="E103:F103"/>
    <mergeCell ref="E104:F104"/>
    <mergeCell ref="B339:B345"/>
    <mergeCell ref="B259:F259"/>
    <mergeCell ref="B92:F92"/>
    <mergeCell ref="B1:F1"/>
    <mergeCell ref="E329:F329"/>
    <mergeCell ref="E46:F46"/>
    <mergeCell ref="E47:F47"/>
    <mergeCell ref="E48:F48"/>
    <mergeCell ref="E49:F49"/>
    <mergeCell ref="E50:F50"/>
    <mergeCell ref="E51:F51"/>
    <mergeCell ref="E52:F52"/>
    <mergeCell ref="E53:F53"/>
    <mergeCell ref="E75:F75"/>
    <mergeCell ref="E60:F60"/>
    <mergeCell ref="E61:F61"/>
    <mergeCell ref="E62:F62"/>
    <mergeCell ref="E63:F63"/>
    <mergeCell ref="E64:F64"/>
    <mergeCell ref="E54:F54"/>
    <mergeCell ref="E55:F55"/>
    <mergeCell ref="E56:F56"/>
    <mergeCell ref="E57:F57"/>
    <mergeCell ref="E58:F58"/>
  </mergeCells>
  <conditionalFormatting sqref="D45:D67 D349:D358 D326:D347 D74:D91 D93:D140 D142:D173 D175:D188 D190:D258 D260:D320">
    <cfRule type="containsBlanks" dxfId="17" priority="119">
      <formula>LEN(TRIM(D45))=0</formula>
    </cfRule>
  </conditionalFormatting>
  <conditionalFormatting sqref="E384:F384">
    <cfRule type="containsBlanks" dxfId="16" priority="118">
      <formula>LEN(TRIM(E384))=0</formula>
    </cfRule>
  </conditionalFormatting>
  <conditionalFormatting sqref="C382">
    <cfRule type="containsBlanks" dxfId="15" priority="116">
      <formula>LEN(TRIM(C382))=0</formula>
    </cfRule>
  </conditionalFormatting>
  <conditionalFormatting sqref="E385:F385">
    <cfRule type="containsBlanks" dxfId="14" priority="117">
      <formula>LEN(TRIM(E385))=0</formula>
    </cfRule>
  </conditionalFormatting>
  <conditionalFormatting sqref="C384">
    <cfRule type="containsBlanks" dxfId="13" priority="115">
      <formula>LEN(TRIM(C384))=0</formula>
    </cfRule>
  </conditionalFormatting>
  <conditionalFormatting sqref="C4:C5">
    <cfRule type="containsBlanks" dxfId="12" priority="114">
      <formula>LEN(TRIM(C4))=0</formula>
    </cfRule>
  </conditionalFormatting>
  <conditionalFormatting sqref="D43:D44">
    <cfRule type="containsBlanks" dxfId="11" priority="113">
      <formula>LEN(TRIM(D43))=0</formula>
    </cfRule>
  </conditionalFormatting>
  <conditionalFormatting sqref="D364:D366">
    <cfRule type="containsBlanks" dxfId="10" priority="108">
      <formula>LEN(TRIM(D364))=0</formula>
    </cfRule>
  </conditionalFormatting>
  <conditionalFormatting sqref="C375:D375">
    <cfRule type="containsBlanks" dxfId="9" priority="104">
      <formula>LEN(TRIM(C375))=0</formula>
    </cfRule>
  </conditionalFormatting>
  <conditionalFormatting sqref="D71">
    <cfRule type="containsBlanks" dxfId="8" priority="89">
      <formula>LEN(TRIM(D71))=0</formula>
    </cfRule>
  </conditionalFormatting>
  <conditionalFormatting sqref="D72">
    <cfRule type="containsBlanks" dxfId="7" priority="88">
      <formula>LEN(TRIM(D72))=0</formula>
    </cfRule>
  </conditionalFormatting>
  <conditionalFormatting sqref="D73">
    <cfRule type="containsBlanks" dxfId="6" priority="87">
      <formula>LEN(TRIM(D73))=0</formula>
    </cfRule>
  </conditionalFormatting>
  <conditionalFormatting sqref="D68:D70">
    <cfRule type="containsBlanks" dxfId="5" priority="85">
      <formula>LEN(TRIM(D68))=0</formula>
    </cfRule>
  </conditionalFormatting>
  <conditionalFormatting sqref="C374:D374">
    <cfRule type="containsBlanks" dxfId="4" priority="55">
      <formula>LEN(TRIM(C374))=0</formula>
    </cfRule>
  </conditionalFormatting>
  <conditionalFormatting sqref="C373:D373">
    <cfRule type="containsBlanks" dxfId="3" priority="54">
      <formula>LEN(TRIM(C373))=0</formula>
    </cfRule>
  </conditionalFormatting>
  <conditionalFormatting sqref="C376:D376">
    <cfRule type="containsBlanks" dxfId="2" priority="53">
      <formula>LEN(TRIM(C376))=0</formula>
    </cfRule>
  </conditionalFormatting>
  <conditionalFormatting sqref="D367">
    <cfRule type="containsBlanks" dxfId="1" priority="46">
      <formula>LEN(TRIM(D367))=0</formula>
    </cfRule>
  </conditionalFormatting>
  <conditionalFormatting sqref="D348">
    <cfRule type="containsBlanks" dxfId="0" priority="45">
      <formula>LEN(TRIM(D348))=0</formula>
    </cfRule>
  </conditionalFormatting>
  <printOptions horizontalCentered="1"/>
  <pageMargins left="0.43307086614173229" right="0.23622047244094491" top="0.94488188976377963" bottom="0.74803149606299213" header="0.31496062992125984" footer="0.31496062992125984"/>
  <pageSetup paperSize="9" scale="74" fitToHeight="0" orientation="portrait" r:id="rId1"/>
  <headerFooter>
    <oddHeader>&amp;C&amp;"Arial,Normálne"&amp;16CENOVÁ PONUKA&amp;14
pre účel
prípravnej trhovej konzultácia a predbežného z&amp;12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466725</xdr:colOff>
                    <xdr:row>22</xdr:row>
                    <xdr:rowOff>228600</xdr:rowOff>
                  </from>
                  <to>
                    <xdr:col>2</xdr:col>
                    <xdr:colOff>38100</xdr:colOff>
                    <xdr:row>23</xdr:row>
                    <xdr:rowOff>19050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466725</xdr:colOff>
                    <xdr:row>23</xdr:row>
                    <xdr:rowOff>219075</xdr:rowOff>
                  </from>
                  <to>
                    <xdr:col>2</xdr:col>
                    <xdr:colOff>38100</xdr:colOff>
                    <xdr:row>24</xdr:row>
                    <xdr:rowOff>1905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447675</xdr:colOff>
                    <xdr:row>33</xdr:row>
                    <xdr:rowOff>219075</xdr:rowOff>
                  </from>
                  <to>
                    <xdr:col>2</xdr:col>
                    <xdr:colOff>19050</xdr:colOff>
                    <xdr:row>34</xdr:row>
                    <xdr:rowOff>1905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438150</xdr:colOff>
                    <xdr:row>34</xdr:row>
                    <xdr:rowOff>180975</xdr:rowOff>
                  </from>
                  <to>
                    <xdr:col>2</xdr:col>
                    <xdr:colOff>9525</xdr:colOff>
                    <xdr:row>35</xdr:row>
                    <xdr:rowOff>1428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08-26T06:45:07Z</cp:lastPrinted>
  <dcterms:created xsi:type="dcterms:W3CDTF">2017-04-21T05:51:15Z</dcterms:created>
  <dcterms:modified xsi:type="dcterms:W3CDTF">2022-08-26T06:45:27Z</dcterms:modified>
</cp:coreProperties>
</file>